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drawings/drawing2.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21\group\03_地域福祉グループ\011_介護人材養成等\R7_表彰\02_要領改正\施行\"/>
    </mc:Choice>
  </mc:AlternateContent>
  <bookViews>
    <workbookView xWindow="120" yWindow="108" windowWidth="20340" windowHeight="8100" activeTab="1"/>
  </bookViews>
  <sheets>
    <sheet name="第２号様式（第2条(1)～(4)）" sheetId="1" r:id="rId1"/>
    <sheet name="不祥事等の確認（提出してください）" sheetId="11" r:id="rId2"/>
    <sheet name="（記入例）" sheetId="8" r:id="rId3"/>
    <sheet name="履歴書（追加様式）" sheetId="12" r:id="rId4"/>
    <sheet name="(data)" sheetId="7" state="hidden" r:id="rId5"/>
  </sheets>
  <definedNames>
    <definedName name="_xlnm.Print_Area" localSheetId="2">'（記入例）'!$A$1:$X$102</definedName>
    <definedName name="_xlnm.Print_Area" localSheetId="1">'不祥事等の確認（提出してください）'!$A$1:$AE$14</definedName>
    <definedName name="_xlnm.Print_Area" localSheetId="3">'履歴書（追加様式）'!$A$1:$X$77</definedName>
  </definedNames>
  <calcPr calcId="162913"/>
</workbook>
</file>

<file path=xl/calcChain.xml><?xml version="1.0" encoding="utf-8"?>
<calcChain xmlns="http://schemas.openxmlformats.org/spreadsheetml/2006/main">
  <c r="M68" i="12" l="1"/>
  <c r="K68" i="12"/>
  <c r="M67" i="12"/>
  <c r="K67" i="12"/>
  <c r="M66" i="12"/>
  <c r="K66" i="12"/>
  <c r="M65" i="12"/>
  <c r="K65" i="12"/>
  <c r="T61" i="12"/>
  <c r="R61" i="12"/>
  <c r="T53" i="12"/>
  <c r="R53" i="12"/>
  <c r="T45" i="12"/>
  <c r="R45" i="12"/>
  <c r="T37" i="12"/>
  <c r="R37" i="12"/>
  <c r="T29" i="12"/>
  <c r="R29" i="12"/>
  <c r="T21" i="12"/>
  <c r="R21" i="12"/>
  <c r="S6" i="12"/>
  <c r="M98" i="8" l="1"/>
  <c r="M97" i="8"/>
  <c r="M96" i="8"/>
  <c r="M95" i="8"/>
  <c r="T91" i="8"/>
  <c r="T83" i="8"/>
  <c r="T75" i="8"/>
  <c r="T67" i="8"/>
  <c r="T59" i="8"/>
  <c r="T51" i="8"/>
  <c r="T51" i="1"/>
  <c r="M98" i="1"/>
  <c r="M97" i="1"/>
  <c r="M96" i="1"/>
  <c r="M95" i="1"/>
  <c r="T91" i="1"/>
  <c r="T83" i="1"/>
  <c r="T75" i="1"/>
  <c r="T67" i="1"/>
  <c r="T59" i="1"/>
  <c r="BK3" i="7" l="1"/>
  <c r="BC3" i="7"/>
  <c r="AU3" i="7"/>
  <c r="AM3" i="7"/>
  <c r="AE3" i="7"/>
  <c r="AB3" i="7" l="1"/>
  <c r="BO3" i="7" l="1"/>
  <c r="BM3" i="7"/>
  <c r="BL3" i="7"/>
  <c r="BJ3" i="7"/>
  <c r="BI3" i="7"/>
  <c r="BH3" i="7"/>
  <c r="BG3" i="7"/>
  <c r="BE3" i="7"/>
  <c r="BD3" i="7"/>
  <c r="BB3" i="7"/>
  <c r="BA3" i="7"/>
  <c r="AZ3" i="7"/>
  <c r="AY3" i="7"/>
  <c r="AW3" i="7"/>
  <c r="AV3" i="7"/>
  <c r="AT3" i="7"/>
  <c r="AS3" i="7"/>
  <c r="AR3" i="7"/>
  <c r="AQ3" i="7"/>
  <c r="AO3" i="7"/>
  <c r="AN3" i="7"/>
  <c r="AL3" i="7"/>
  <c r="AK3" i="7"/>
  <c r="AJ3" i="7"/>
  <c r="AI3" i="7"/>
  <c r="AG3" i="7"/>
  <c r="AF3" i="7"/>
  <c r="AD3" i="7"/>
  <c r="AC3" i="7"/>
  <c r="Y3" i="7"/>
  <c r="X3" i="7"/>
  <c r="R3" i="7"/>
  <c r="P3" i="7"/>
  <c r="S7" i="1" l="1"/>
  <c r="K98" i="8" l="1"/>
  <c r="K97" i="8"/>
  <c r="K96" i="8"/>
  <c r="K95" i="8"/>
  <c r="R91" i="8"/>
  <c r="R83" i="8"/>
  <c r="R75" i="8"/>
  <c r="R67" i="8"/>
  <c r="R59" i="8"/>
  <c r="R51" i="8"/>
  <c r="S36" i="8"/>
  <c r="K98" i="1" l="1"/>
  <c r="K97" i="1"/>
  <c r="K96" i="1"/>
  <c r="K95" i="1"/>
  <c r="R91" i="1" l="1"/>
  <c r="BN3" i="7" s="1"/>
  <c r="R83" i="1"/>
  <c r="BF3" i="7" s="1"/>
  <c r="R75" i="1"/>
  <c r="AX3" i="7" s="1"/>
  <c r="R67" i="1"/>
  <c r="AP3" i="7" s="1"/>
  <c r="R59" i="1"/>
  <c r="AH3" i="7" s="1"/>
  <c r="R51" i="1" l="1"/>
  <c r="Q3" i="7" l="1"/>
  <c r="K3" i="7"/>
  <c r="S36" i="1" l="1"/>
  <c r="S7" i="8" l="1"/>
  <c r="O3" i="7" l="1"/>
  <c r="N3" i="7"/>
  <c r="M3" i="7"/>
  <c r="L3" i="7"/>
  <c r="J3" i="7"/>
  <c r="I3" i="7"/>
  <c r="W3" i="7" l="1"/>
  <c r="V3" i="7"/>
  <c r="U3" i="7"/>
  <c r="T3" i="7"/>
  <c r="S3" i="7"/>
  <c r="E3" i="7"/>
  <c r="AA3" i="7"/>
  <c r="Z3" i="7"/>
  <c r="B3" i="7"/>
  <c r="H3" i="7" l="1"/>
  <c r="F3" i="7"/>
  <c r="D3" i="7"/>
  <c r="C3" i="7"/>
  <c r="G3" i="7" l="1"/>
</calcChain>
</file>

<file path=xl/comments1.xml><?xml version="1.0" encoding="utf-8"?>
<comments xmlns="http://schemas.openxmlformats.org/spreadsheetml/2006/main">
  <authors>
    <author>Windows ユーザー</author>
    <author>user</author>
  </authors>
  <commentList>
    <comment ref="R6" authorId="0" shapeId="0">
      <text>
        <r>
          <rPr>
            <b/>
            <sz val="10"/>
            <color indexed="81"/>
            <rFont val="ＭＳ Ｐゴシック"/>
            <family val="3"/>
            <charset val="128"/>
          </rPr>
          <t>日付は、半角で
「S15.10.8」の形式で入力してください。
自動で、昭和15年10月8日と表示されます。</t>
        </r>
      </text>
    </comment>
    <comment ref="H8" authorId="0" shapeId="0">
      <text>
        <r>
          <rPr>
            <b/>
            <sz val="9"/>
            <color indexed="81"/>
            <rFont val="ＭＳ Ｐゴシック"/>
            <family val="3"/>
            <charset val="128"/>
          </rPr>
          <t>プルダウンで、男女を選択してください。</t>
        </r>
      </text>
    </comment>
    <comment ref="F23" authorId="0" shapeId="0">
      <text>
        <r>
          <rPr>
            <b/>
            <sz val="10"/>
            <color indexed="81"/>
            <rFont val="ＭＳ Ｐゴシック"/>
            <family val="3"/>
            <charset val="128"/>
          </rPr>
          <t>日付は、半角で
「H25.10.1」の形式で入力してください。
自動で、平成25年10月1日と表示されます。</t>
        </r>
      </text>
    </comment>
    <comment ref="R35" authorId="1" shapeId="0">
      <text>
        <r>
          <rPr>
            <b/>
            <sz val="9"/>
            <color indexed="81"/>
            <rFont val="ＭＳ Ｐゴシック"/>
            <family val="3"/>
            <charset val="128"/>
          </rPr>
          <t>日付は、半角で
「S15.10.8」の形式で入力してください。
自動で、昭和15年10月8日と表示されます。</t>
        </r>
      </text>
    </comment>
    <comment ref="H37" authorId="0" shapeId="0">
      <text>
        <r>
          <rPr>
            <b/>
            <sz val="9"/>
            <color indexed="81"/>
            <rFont val="ＭＳ Ｐゴシック"/>
            <family val="3"/>
            <charset val="128"/>
          </rPr>
          <t>プルダウンで、男女を選択してください。</t>
        </r>
      </text>
    </comment>
    <comment ref="F39" authorId="1" shapeId="0">
      <text>
        <r>
          <rPr>
            <b/>
            <sz val="9"/>
            <color indexed="81"/>
            <rFont val="ＭＳ Ｐゴシック"/>
            <family val="3"/>
            <charset val="128"/>
          </rPr>
          <t>日付は、半角で
「S15.10.8」の形式で入力してください。
自動で、昭和15年10月8日と表示されます。</t>
        </r>
      </text>
    </comment>
    <comment ref="F50" authorId="1" shapeId="0">
      <text>
        <r>
          <rPr>
            <b/>
            <sz val="9"/>
            <color indexed="81"/>
            <rFont val="MS P ゴシック"/>
            <family val="3"/>
            <charset val="128"/>
          </rPr>
          <t>第１・２号の候補者の従事期間は、施設長、役員、その他の職種それぞれに従事した期間を分け、前歴の欄を使用して入力してください。</t>
        </r>
      </text>
    </comment>
    <comment ref="J50" authorId="1" shapeId="0">
      <text>
        <r>
          <rPr>
            <b/>
            <sz val="9"/>
            <color indexed="81"/>
            <rFont val="ＭＳ Ｐゴシック"/>
            <family val="3"/>
            <charset val="128"/>
          </rPr>
          <t>日付は、半角で
「S15.10.8」の形式で入力してください。
自動で、昭和15年10月8日と表示されます。</t>
        </r>
      </text>
    </comment>
    <comment ref="P50" authorId="0" shapeId="0">
      <text>
        <r>
          <rPr>
            <b/>
            <sz val="9"/>
            <color indexed="81"/>
            <rFont val="ＭＳ Ｐゴシック"/>
            <family val="3"/>
            <charset val="128"/>
          </rPr>
          <t>現在継続中は、「現在」ではなく、「R７.10.1」（令和７年10月1日）と入力してください。</t>
        </r>
      </text>
    </comment>
    <comment ref="V51" authorId="0" shapeId="0">
      <text>
        <r>
          <rPr>
            <b/>
            <sz val="9"/>
            <color indexed="81"/>
            <rFont val="ＭＳ Ｐゴシック"/>
            <family val="3"/>
            <charset val="128"/>
          </rPr>
          <t>自動で計算され表示されます。</t>
        </r>
      </text>
    </comment>
    <comment ref="B95" authorId="1" shapeId="0">
      <text>
        <r>
          <rPr>
            <b/>
            <sz val="9"/>
            <color indexed="81"/>
            <rFont val="ＭＳ Ｐゴシック"/>
            <family val="3"/>
            <charset val="128"/>
          </rPr>
          <t>日付は、半角で
「S15.10.8」の形式で入力してください。
自動で、昭和15年10月8日と表示されます。</t>
        </r>
      </text>
    </comment>
    <comment ref="O95" authorId="0" shapeId="0">
      <text>
        <r>
          <rPr>
            <b/>
            <sz val="9"/>
            <color indexed="81"/>
            <rFont val="ＭＳ Ｐゴシック"/>
            <family val="3"/>
            <charset val="128"/>
          </rPr>
          <t>自動で計算され表示されます。</t>
        </r>
      </text>
    </comment>
  </commentList>
</comments>
</file>

<file path=xl/sharedStrings.xml><?xml version="1.0" encoding="utf-8"?>
<sst xmlns="http://schemas.openxmlformats.org/spreadsheetml/2006/main" count="567" uniqueCount="126">
  <si>
    <t>功　績　調　書</t>
  </si>
  <si>
    <t>職　種</t>
  </si>
  <si>
    <t>表彰歴</t>
  </si>
  <si>
    <t>（注）貴市町村に表彰制度等がない場合は、「表彰歴」の欄にその旨明示してください。</t>
  </si>
  <si>
    <r>
      <t>（</t>
    </r>
    <r>
      <rPr>
        <sz val="11"/>
        <color theme="1"/>
        <rFont val="ＭＳ 明朝"/>
        <family val="1"/>
        <charset val="128"/>
      </rPr>
      <t>第２号様式・個人）－１</t>
    </r>
    <phoneticPr fontId="8"/>
  </si>
  <si>
    <t>（ふりがな）</t>
  </si>
  <si>
    <t>生年月日
（年齢）</t>
    <rPh sb="2" eb="3">
      <t>ガツ</t>
    </rPh>
    <rPh sb="3" eb="4">
      <t>ヒ</t>
    </rPh>
    <rPh sb="6" eb="8">
      <t>ネンレイ</t>
    </rPh>
    <phoneticPr fontId="8"/>
  </si>
  <si>
    <t>氏名</t>
    <phoneticPr fontId="8"/>
  </si>
  <si>
    <t>年</t>
    <rPh sb="0" eb="1">
      <t>ネン</t>
    </rPh>
    <phoneticPr fontId="8"/>
  </si>
  <si>
    <t>生</t>
    <rPh sb="0" eb="1">
      <t>ウ</t>
    </rPh>
    <phoneticPr fontId="8"/>
  </si>
  <si>
    <t>（</t>
    <phoneticPr fontId="8"/>
  </si>
  <si>
    <t>歳</t>
    <rPh sb="0" eb="1">
      <t>サイ</t>
    </rPh>
    <phoneticPr fontId="8"/>
  </si>
  <si>
    <t>）</t>
    <phoneticPr fontId="8"/>
  </si>
  <si>
    <t>（性別）</t>
    <rPh sb="1" eb="3">
      <t>セイベツ</t>
    </rPh>
    <phoneticPr fontId="8"/>
  </si>
  <si>
    <t>か</t>
    <phoneticPr fontId="8"/>
  </si>
  <si>
    <t>月</t>
    <rPh sb="0" eb="1">
      <t>ツキ</t>
    </rPh>
    <phoneticPr fontId="8"/>
  </si>
  <si>
    <t>前歴①</t>
    <rPh sb="0" eb="2">
      <t>ゼンレキ</t>
    </rPh>
    <phoneticPr fontId="8"/>
  </si>
  <si>
    <t>～</t>
    <phoneticPr fontId="8"/>
  </si>
  <si>
    <t>（</t>
    <phoneticPr fontId="8"/>
  </si>
  <si>
    <t>）</t>
    <phoneticPr fontId="8"/>
  </si>
  <si>
    <t>前歴②</t>
    <rPh sb="0" eb="2">
      <t>ゼンレキ</t>
    </rPh>
    <phoneticPr fontId="8"/>
  </si>
  <si>
    <t>前歴③</t>
    <rPh sb="0" eb="2">
      <t>ゼンレキ</t>
    </rPh>
    <phoneticPr fontId="8"/>
  </si>
  <si>
    <t>前歴④</t>
    <rPh sb="0" eb="2">
      <t>ゼンレキ</t>
    </rPh>
    <phoneticPr fontId="8"/>
  </si>
  <si>
    <t>表彰年月日</t>
    <rPh sb="0" eb="2">
      <t>ヒョウショウ</t>
    </rPh>
    <rPh sb="2" eb="3">
      <t>ネン</t>
    </rPh>
    <rPh sb="3" eb="5">
      <t>ツキヒ</t>
    </rPh>
    <phoneticPr fontId="8"/>
  </si>
  <si>
    <t>表彰名（功労名）</t>
    <rPh sb="0" eb="2">
      <t>ヒョウショウ</t>
    </rPh>
    <rPh sb="2" eb="3">
      <t>メイ</t>
    </rPh>
    <rPh sb="4" eb="6">
      <t>コウロウ</t>
    </rPh>
    <rPh sb="6" eb="7">
      <t>メイ</t>
    </rPh>
    <phoneticPr fontId="8"/>
  </si>
  <si>
    <t>現勤務先の状況</t>
  </si>
  <si>
    <t>名  称</t>
  </si>
  <si>
    <t>所　在　地</t>
    <phoneticPr fontId="8"/>
  </si>
  <si>
    <t>電　話</t>
    <rPh sb="0" eb="1">
      <t>デン</t>
    </rPh>
    <rPh sb="2" eb="3">
      <t>ハナシ</t>
    </rPh>
    <phoneticPr fontId="8"/>
  </si>
  <si>
    <t>施設等種別</t>
  </si>
  <si>
    <t>施設等での職名</t>
    <rPh sb="5" eb="7">
      <t>ショクメイ</t>
    </rPh>
    <phoneticPr fontId="8"/>
  </si>
  <si>
    <t>勤務先名</t>
    <rPh sb="0" eb="3">
      <t>キンムサキ</t>
    </rPh>
    <rPh sb="3" eb="4">
      <t>メイ</t>
    </rPh>
    <phoneticPr fontId="8"/>
  </si>
  <si>
    <t>従事期間</t>
    <rPh sb="2" eb="4">
      <t>キカン</t>
    </rPh>
    <phoneticPr fontId="8"/>
  </si>
  <si>
    <t>前歴⑤</t>
    <rPh sb="0" eb="2">
      <t>ゼンレキ</t>
    </rPh>
    <phoneticPr fontId="8"/>
  </si>
  <si>
    <t>職　歴</t>
    <rPh sb="0" eb="1">
      <t>ショク</t>
    </rPh>
    <rPh sb="2" eb="3">
      <t>レキ</t>
    </rPh>
    <phoneticPr fontId="8"/>
  </si>
  <si>
    <t>神奈川　太郎</t>
    <rPh sb="0" eb="3">
      <t>カナガワ</t>
    </rPh>
    <rPh sb="4" eb="6">
      <t>タロウ</t>
    </rPh>
    <phoneticPr fontId="8"/>
  </si>
  <si>
    <t>かながわ　たろう</t>
    <phoneticPr fontId="8"/>
  </si>
  <si>
    <t>年　　月　　日</t>
    <rPh sb="0" eb="1">
      <t>ネン</t>
    </rPh>
    <rPh sb="3" eb="4">
      <t>ツキ</t>
    </rPh>
    <rPh sb="6" eb="7">
      <t>ヒ</t>
    </rPh>
    <phoneticPr fontId="8"/>
  </si>
  <si>
    <t>№</t>
    <phoneticPr fontId="8"/>
  </si>
  <si>
    <t>氏名</t>
    <rPh sb="0" eb="2">
      <t>シメイ</t>
    </rPh>
    <phoneticPr fontId="8"/>
  </si>
  <si>
    <t>生年月日</t>
    <rPh sb="0" eb="2">
      <t>セイネン</t>
    </rPh>
    <rPh sb="2" eb="4">
      <t>ガッピ</t>
    </rPh>
    <phoneticPr fontId="8"/>
  </si>
  <si>
    <t>年齢</t>
    <rPh sb="0" eb="2">
      <t>ネンレイ</t>
    </rPh>
    <phoneticPr fontId="8"/>
  </si>
  <si>
    <t>職種</t>
    <rPh sb="0" eb="2">
      <t>ショクシュ</t>
    </rPh>
    <phoneticPr fontId="8"/>
  </si>
  <si>
    <t>現勤務先</t>
    <rPh sb="0" eb="1">
      <t>ゲン</t>
    </rPh>
    <rPh sb="1" eb="3">
      <t>キンム</t>
    </rPh>
    <rPh sb="3" eb="4">
      <t>サキ</t>
    </rPh>
    <phoneticPr fontId="8"/>
  </si>
  <si>
    <t>名称</t>
    <rPh sb="0" eb="2">
      <t>メイショウ</t>
    </rPh>
    <phoneticPr fontId="8"/>
  </si>
  <si>
    <t>所在地</t>
    <rPh sb="0" eb="3">
      <t>ショザイチ</t>
    </rPh>
    <phoneticPr fontId="8"/>
  </si>
  <si>
    <t>電話</t>
    <rPh sb="0" eb="2">
      <t>デンワ</t>
    </rPh>
    <phoneticPr fontId="8"/>
  </si>
  <si>
    <t>ふりがな</t>
    <phoneticPr fontId="8"/>
  </si>
  <si>
    <t>施設等種別</t>
    <rPh sb="0" eb="2">
      <t>シセツ</t>
    </rPh>
    <rPh sb="2" eb="3">
      <t>トウ</t>
    </rPh>
    <rPh sb="3" eb="5">
      <t>シュベツ</t>
    </rPh>
    <phoneticPr fontId="8"/>
  </si>
  <si>
    <t>施設等での職名</t>
    <rPh sb="0" eb="2">
      <t>シセツ</t>
    </rPh>
    <rPh sb="2" eb="3">
      <t>トウ</t>
    </rPh>
    <rPh sb="5" eb="7">
      <t>ショクメイ</t>
    </rPh>
    <phoneticPr fontId="8"/>
  </si>
  <si>
    <t>期間計[年]</t>
    <rPh sb="0" eb="2">
      <t>キカン</t>
    </rPh>
    <rPh sb="2" eb="3">
      <t>ケイ</t>
    </rPh>
    <rPh sb="4" eb="5">
      <t>ネン</t>
    </rPh>
    <phoneticPr fontId="8"/>
  </si>
  <si>
    <t>期間計[月]</t>
    <rPh sb="0" eb="2">
      <t>キカン</t>
    </rPh>
    <rPh sb="2" eb="3">
      <t>ケイ</t>
    </rPh>
    <rPh sb="4" eb="5">
      <t>ツキ</t>
    </rPh>
    <phoneticPr fontId="8"/>
  </si>
  <si>
    <t>従事期間[開始]</t>
    <rPh sb="0" eb="2">
      <t>ジュウジ</t>
    </rPh>
    <rPh sb="2" eb="4">
      <t>キカン</t>
    </rPh>
    <rPh sb="5" eb="7">
      <t>カイシ</t>
    </rPh>
    <phoneticPr fontId="8"/>
  </si>
  <si>
    <t>従事期間[終了]</t>
    <rPh sb="0" eb="2">
      <t>ジュウジ</t>
    </rPh>
    <rPh sb="2" eb="4">
      <t>キカン</t>
    </rPh>
    <rPh sb="5" eb="7">
      <t>シュウリョウ</t>
    </rPh>
    <phoneticPr fontId="8"/>
  </si>
  <si>
    <t>住所</t>
    <rPh sb="0" eb="2">
      <t>ジュウショ</t>
    </rPh>
    <phoneticPr fontId="8"/>
  </si>
  <si>
    <t>推薦者
推薦団体</t>
    <rPh sb="0" eb="2">
      <t>スイセン</t>
    </rPh>
    <rPh sb="2" eb="3">
      <t>シャ</t>
    </rPh>
    <rPh sb="4" eb="6">
      <t>スイセン</t>
    </rPh>
    <rPh sb="6" eb="8">
      <t>ダンタイ</t>
    </rPh>
    <phoneticPr fontId="8"/>
  </si>
  <si>
    <t>名称</t>
    <rPh sb="0" eb="2">
      <t>メイショウ</t>
    </rPh>
    <phoneticPr fontId="8"/>
  </si>
  <si>
    <t>所在地</t>
    <rPh sb="0" eb="3">
      <t>ショザイチ</t>
    </rPh>
    <phoneticPr fontId="8"/>
  </si>
  <si>
    <t>人柄</t>
    <rPh sb="0" eb="2">
      <t>ヒトガラ</t>
    </rPh>
    <phoneticPr fontId="8"/>
  </si>
  <si>
    <t>功績内容</t>
    <rPh sb="0" eb="2">
      <t>コウセキ</t>
    </rPh>
    <rPh sb="2" eb="4">
      <t>ナイヨウ</t>
    </rPh>
    <phoneticPr fontId="8"/>
  </si>
  <si>
    <t>参考事項</t>
    <rPh sb="0" eb="2">
      <t>サンコウ</t>
    </rPh>
    <rPh sb="2" eb="4">
      <t>ジコウ</t>
    </rPh>
    <phoneticPr fontId="8"/>
  </si>
  <si>
    <r>
      <t>（</t>
    </r>
    <r>
      <rPr>
        <sz val="11"/>
        <color theme="1"/>
        <rFont val="ＭＳ 明朝"/>
        <family val="1"/>
        <charset val="128"/>
      </rPr>
      <t>第２号様式・個人）－２</t>
    </r>
    <phoneticPr fontId="8"/>
  </si>
  <si>
    <t>○学　歴</t>
    <rPh sb="1" eb="2">
      <t>ガク</t>
    </rPh>
    <rPh sb="3" eb="4">
      <t>レキ</t>
    </rPh>
    <phoneticPr fontId="8"/>
  </si>
  <si>
    <t>○職　歴</t>
    <rPh sb="1" eb="2">
      <t>ショク</t>
    </rPh>
    <rPh sb="3" eb="4">
      <t>レキ</t>
    </rPh>
    <phoneticPr fontId="8"/>
  </si>
  <si>
    <t>○団体歴</t>
    <rPh sb="1" eb="3">
      <t>ダンタイ</t>
    </rPh>
    <rPh sb="3" eb="4">
      <t>レキ</t>
    </rPh>
    <phoneticPr fontId="8"/>
  </si>
  <si>
    <t>所属年月日</t>
    <rPh sb="0" eb="2">
      <t>ショゾク</t>
    </rPh>
    <rPh sb="2" eb="5">
      <t>ネンガッピ</t>
    </rPh>
    <phoneticPr fontId="8"/>
  </si>
  <si>
    <t>年　月　日</t>
    <rPh sb="0" eb="1">
      <t>ネン</t>
    </rPh>
    <rPh sb="2" eb="3">
      <t>ツキ</t>
    </rPh>
    <rPh sb="4" eb="5">
      <t>ニチ</t>
    </rPh>
    <phoneticPr fontId="8"/>
  </si>
  <si>
    <t>所属期間</t>
    <rPh sb="0" eb="2">
      <t>ショゾク</t>
    </rPh>
    <rPh sb="2" eb="4">
      <t>キカン</t>
    </rPh>
    <phoneticPr fontId="8"/>
  </si>
  <si>
    <t>団体名</t>
    <rPh sb="0" eb="2">
      <t>ダンタイ</t>
    </rPh>
    <rPh sb="2" eb="3">
      <t>メイ</t>
    </rPh>
    <phoneticPr fontId="8"/>
  </si>
  <si>
    <t>職名</t>
    <rPh sb="0" eb="2">
      <t>ショクメイ</t>
    </rPh>
    <phoneticPr fontId="8"/>
  </si>
  <si>
    <t>推薦団体</t>
    <rPh sb="0" eb="2">
      <t>スイセン</t>
    </rPh>
    <rPh sb="2" eb="4">
      <t>ダンタイ</t>
    </rPh>
    <phoneticPr fontId="8"/>
  </si>
  <si>
    <t>履　歴　書</t>
    <rPh sb="0" eb="1">
      <t>クツ</t>
    </rPh>
    <rPh sb="2" eb="3">
      <t>レキ</t>
    </rPh>
    <rPh sb="4" eb="5">
      <t>ショ</t>
    </rPh>
    <phoneticPr fontId="8"/>
  </si>
  <si>
    <t>○賞　罰</t>
    <rPh sb="1" eb="2">
      <t>ショウ</t>
    </rPh>
    <rPh sb="3" eb="4">
      <t>バツ</t>
    </rPh>
    <phoneticPr fontId="8"/>
  </si>
  <si>
    <t>＊＊＊＊＊＊</t>
    <phoneticPr fontId="8"/>
  </si>
  <si>
    <t>社会福祉法人　○○会</t>
    <rPh sb="0" eb="2">
      <t>シャカイ</t>
    </rPh>
    <rPh sb="2" eb="4">
      <t>フクシ</t>
    </rPh>
    <rPh sb="4" eb="6">
      <t>ホウジン</t>
    </rPh>
    <rPh sb="9" eb="10">
      <t>カイ</t>
    </rPh>
    <phoneticPr fontId="8"/>
  </si>
  <si>
    <t>支援員</t>
    <rPh sb="0" eb="2">
      <t>シエン</t>
    </rPh>
    <rPh sb="2" eb="3">
      <t>イン</t>
    </rPh>
    <phoneticPr fontId="8"/>
  </si>
  <si>
    <t>神奈川県平塚市○○1-1-1</t>
    <rPh sb="0" eb="4">
      <t>カナガワケン</t>
    </rPh>
    <rPh sb="4" eb="7">
      <t>ヒラツカシ</t>
    </rPh>
    <phoneticPr fontId="8"/>
  </si>
  <si>
    <t>性別</t>
    <rPh sb="0" eb="2">
      <t>セイベツ</t>
    </rPh>
    <phoneticPr fontId="8"/>
  </si>
  <si>
    <t xml:space="preserve">        年　月　日</t>
    <rPh sb="8" eb="9">
      <t>ネン</t>
    </rPh>
    <rPh sb="10" eb="11">
      <t>ツキ</t>
    </rPh>
    <rPh sb="12" eb="13">
      <t>ニチ</t>
    </rPh>
    <phoneticPr fontId="8"/>
  </si>
  <si>
    <t>年月日</t>
    <rPh sb="0" eb="3">
      <t>ネンガッピ</t>
    </rPh>
    <phoneticPr fontId="8"/>
  </si>
  <si>
    <t>表彰名</t>
    <rPh sb="0" eb="2">
      <t>ヒョウショウ</t>
    </rPh>
    <rPh sb="2" eb="3">
      <t>メイ</t>
    </rPh>
    <phoneticPr fontId="8"/>
  </si>
  <si>
    <t>表彰１</t>
    <rPh sb="0" eb="2">
      <t>ヒョウショウ</t>
    </rPh>
    <phoneticPr fontId="8"/>
  </si>
  <si>
    <t>表彰２</t>
    <rPh sb="0" eb="2">
      <t>ヒョウショウ</t>
    </rPh>
    <phoneticPr fontId="8"/>
  </si>
  <si>
    <t>表彰３</t>
    <rPh sb="0" eb="2">
      <t>ヒョウショウ</t>
    </rPh>
    <phoneticPr fontId="8"/>
  </si>
  <si>
    <t>表彰４</t>
    <rPh sb="0" eb="2">
      <t>ヒョウショウ</t>
    </rPh>
    <phoneticPr fontId="8"/>
  </si>
  <si>
    <t>表彰５</t>
    <rPh sb="0" eb="2">
      <t>ヒョウショウ</t>
    </rPh>
    <phoneticPr fontId="8"/>
  </si>
  <si>
    <t>○○市社会福祉功労者表彰</t>
    <rPh sb="2" eb="3">
      <t>シ</t>
    </rPh>
    <rPh sb="3" eb="5">
      <t>シャカイ</t>
    </rPh>
    <rPh sb="5" eb="7">
      <t>フクシ</t>
    </rPh>
    <rPh sb="7" eb="10">
      <t>コウロウシャ</t>
    </rPh>
    <rPh sb="10" eb="12">
      <t>ヒョウショウ</t>
    </rPh>
    <phoneticPr fontId="8"/>
  </si>
  <si>
    <t>卒業</t>
    <rPh sb="0" eb="2">
      <t>ソツギョウ</t>
    </rPh>
    <phoneticPr fontId="8"/>
  </si>
  <si>
    <t>＊＊＊＊＊＊</t>
    <phoneticPr fontId="8"/>
  </si>
  <si>
    <t>社会福祉関係等
従事年数</t>
    <rPh sb="0" eb="2">
      <t>シャカイ</t>
    </rPh>
    <rPh sb="2" eb="4">
      <t>フクシ</t>
    </rPh>
    <rPh sb="4" eb="7">
      <t>カンケイトウ</t>
    </rPh>
    <rPh sb="8" eb="10">
      <t>ジュウジ</t>
    </rPh>
    <rPh sb="10" eb="12">
      <t>ネンスウ</t>
    </rPh>
    <phoneticPr fontId="8"/>
  </si>
  <si>
    <t>不祥事等の確認</t>
    <rPh sb="0" eb="3">
      <t>フショウジ</t>
    </rPh>
    <rPh sb="3" eb="4">
      <t>トウ</t>
    </rPh>
    <rPh sb="5" eb="7">
      <t>カクニン</t>
    </rPh>
    <phoneticPr fontId="22"/>
  </si>
  <si>
    <t>２　同一法人内の他の施設等における不祥事の発生状況</t>
    <rPh sb="2" eb="4">
      <t>ドウイツ</t>
    </rPh>
    <rPh sb="4" eb="6">
      <t>ホウジン</t>
    </rPh>
    <rPh sb="6" eb="7">
      <t>ナイ</t>
    </rPh>
    <rPh sb="8" eb="9">
      <t>タ</t>
    </rPh>
    <rPh sb="10" eb="12">
      <t>シセツ</t>
    </rPh>
    <rPh sb="12" eb="13">
      <t>トウ</t>
    </rPh>
    <rPh sb="17" eb="20">
      <t>フショウジ</t>
    </rPh>
    <rPh sb="21" eb="23">
      <t>ハッセイ</t>
    </rPh>
    <rPh sb="23" eb="25">
      <t>ジョウキョウ</t>
    </rPh>
    <phoneticPr fontId="22"/>
  </si>
  <si>
    <t>次の項目に該当する場合は、取組の有無をチェックの上、発生状況を記載してください。</t>
    <rPh sb="5" eb="7">
      <t>ガイトウ</t>
    </rPh>
    <rPh sb="9" eb="11">
      <t>バアイ</t>
    </rPh>
    <rPh sb="13" eb="15">
      <t>トリク</t>
    </rPh>
    <rPh sb="16" eb="18">
      <t>ウム</t>
    </rPh>
    <rPh sb="24" eb="25">
      <t>ウエ</t>
    </rPh>
    <rPh sb="26" eb="28">
      <t>ハッセイ</t>
    </rPh>
    <rPh sb="28" eb="30">
      <t>ジョウキョウ</t>
    </rPh>
    <rPh sb="31" eb="33">
      <t>キサイ</t>
    </rPh>
    <phoneticPr fontId="22"/>
  </si>
  <si>
    <t>有　　・無　　</t>
    <rPh sb="0" eb="1">
      <t>アリ</t>
    </rPh>
    <rPh sb="4" eb="5">
      <t>ナ</t>
    </rPh>
    <phoneticPr fontId="22"/>
  </si>
  <si>
    <t>（有の場合は必ず記載してください。）</t>
    <rPh sb="6" eb="7">
      <t>カナラ</t>
    </rPh>
    <rPh sb="8" eb="10">
      <t>キサイ</t>
    </rPh>
    <phoneticPr fontId="22"/>
  </si>
  <si>
    <t>施設等の名称</t>
    <rPh sb="0" eb="3">
      <t>シセツトウ</t>
    </rPh>
    <rPh sb="4" eb="6">
      <t>メイショウ</t>
    </rPh>
    <phoneticPr fontId="22"/>
  </si>
  <si>
    <t>発生年月日</t>
  </si>
  <si>
    <t>不祥事の概要</t>
    <phoneticPr fontId="22"/>
  </si>
  <si>
    <r>
      <rPr>
        <u/>
        <sz val="11"/>
        <rFont val="ＭＳ 明朝"/>
        <family val="1"/>
        <charset val="128"/>
      </rPr>
      <t>推薦年度及び推薦年度を除く過去３年度</t>
    </r>
    <r>
      <rPr>
        <sz val="11"/>
        <rFont val="ＭＳ 明朝"/>
        <family val="1"/>
        <charset val="128"/>
      </rPr>
      <t>において、候補者が属する法人内の他の施設等における不祥事の発生状況の有無</t>
    </r>
    <rPh sb="0" eb="2">
      <t>スイセン</t>
    </rPh>
    <rPh sb="6" eb="8">
      <t>スイセン</t>
    </rPh>
    <rPh sb="8" eb="10">
      <t>ネンド</t>
    </rPh>
    <rPh sb="47" eb="49">
      <t>ハッセイ</t>
    </rPh>
    <rPh sb="49" eb="51">
      <t>ジョウキョウ</t>
    </rPh>
    <rPh sb="52" eb="54">
      <t>ウム</t>
    </rPh>
    <phoneticPr fontId="22"/>
  </si>
  <si>
    <t>　推薦年度及び推薦年度を除く過去３年度において、候補者が勤務する施設等及び同一法人内の他の施設等は、指導、監査で勧告以上の行政指導又は行政処分を受けていません。
　また、候補者が勤務する施設等で、職員による個人情報の流出、虐待その他の不祥事（以下「不祥事」という。）はありません。</t>
    <rPh sb="1" eb="3">
      <t>スイセン</t>
    </rPh>
    <rPh sb="7" eb="9">
      <t>スイセン</t>
    </rPh>
    <rPh sb="85" eb="88">
      <t>コウホシャ</t>
    </rPh>
    <rPh sb="89" eb="91">
      <t>キンム</t>
    </rPh>
    <rPh sb="93" eb="96">
      <t>シセツトウ</t>
    </rPh>
    <rPh sb="98" eb="100">
      <t>ショクイン</t>
    </rPh>
    <rPh sb="103" eb="105">
      <t>コジン</t>
    </rPh>
    <rPh sb="105" eb="107">
      <t>ジョウホウ</t>
    </rPh>
    <rPh sb="108" eb="110">
      <t>リュウシュツ</t>
    </rPh>
    <rPh sb="117" eb="120">
      <t>フショウジ</t>
    </rPh>
    <rPh sb="121" eb="123">
      <t>イカ</t>
    </rPh>
    <rPh sb="124" eb="127">
      <t>フショウジ</t>
    </rPh>
    <phoneticPr fontId="22"/>
  </si>
  <si>
    <t>※　不祥事とは、職員による個人情報の流出、利用者への虐待、職員による預り金の使い
　込み、セクシュアル・ハラスメント等とします。</t>
    <rPh sb="8" eb="10">
      <t>ショクイン</t>
    </rPh>
    <phoneticPr fontId="22"/>
  </si>
  <si>
    <r>
      <t>１　指導監査の結果等について</t>
    </r>
    <r>
      <rPr>
        <sz val="11"/>
        <rFont val="ＭＳ 明朝"/>
        <family val="1"/>
        <charset val="128"/>
      </rPr>
      <t>（確認の上、チェックしてください。）</t>
    </r>
    <phoneticPr fontId="22"/>
  </si>
  <si>
    <t>　　　　年　月  日</t>
    <rPh sb="4" eb="5">
      <t>ネン</t>
    </rPh>
    <rPh sb="6" eb="7">
      <t>ガツ</t>
    </rPh>
    <rPh sb="9" eb="10">
      <t>ニチ</t>
    </rPh>
    <phoneticPr fontId="8"/>
  </si>
  <si>
    <t>年</t>
    <rPh sb="0" eb="1">
      <t>ネン</t>
    </rPh>
    <phoneticPr fontId="8"/>
  </si>
  <si>
    <t>か</t>
    <phoneticPr fontId="8"/>
  </si>
  <si>
    <t>月</t>
    <rPh sb="0" eb="1">
      <t>ゲツ</t>
    </rPh>
    <phoneticPr fontId="8"/>
  </si>
  <si>
    <t>年　月　日</t>
    <rPh sb="0" eb="1">
      <t>ネン</t>
    </rPh>
    <rPh sb="2" eb="3">
      <t>ガツ</t>
    </rPh>
    <rPh sb="4" eb="5">
      <t>ニチ</t>
    </rPh>
    <phoneticPr fontId="8"/>
  </si>
  <si>
    <t>　　　　年　月　日</t>
    <rPh sb="4" eb="5">
      <t>ネン</t>
    </rPh>
    <rPh sb="6" eb="7">
      <t>ツキ</t>
    </rPh>
    <rPh sb="8" eb="9">
      <t>ニチ</t>
    </rPh>
    <phoneticPr fontId="8"/>
  </si>
  <si>
    <t>か</t>
    <phoneticPr fontId="8"/>
  </si>
  <si>
    <t>～</t>
    <phoneticPr fontId="8"/>
  </si>
  <si>
    <t>～</t>
    <phoneticPr fontId="8"/>
  </si>
  <si>
    <t>勤務先名</t>
    <rPh sb="0" eb="3">
      <t>キンムサキ</t>
    </rPh>
    <rPh sb="3" eb="4">
      <t>メイ</t>
    </rPh>
    <phoneticPr fontId="8"/>
  </si>
  <si>
    <t>職種</t>
    <rPh sb="0" eb="2">
      <t>ショクシュ</t>
    </rPh>
    <phoneticPr fontId="8"/>
  </si>
  <si>
    <t>昭和〇年３月31日</t>
    <phoneticPr fontId="8"/>
  </si>
  <si>
    <r>
      <t>（</t>
    </r>
    <r>
      <rPr>
        <sz val="11"/>
        <color theme="1"/>
        <rFont val="ＭＳ 明朝"/>
        <family val="1"/>
        <charset val="128"/>
      </rPr>
      <t>第２号様式・個人）－３（追加様式）</t>
    </r>
    <rPh sb="13" eb="15">
      <t>ツイカ</t>
    </rPh>
    <rPh sb="15" eb="17">
      <t>ヨウシキ</t>
    </rPh>
    <phoneticPr fontId="8"/>
  </si>
  <si>
    <t>前歴⑥</t>
    <rPh sb="0" eb="2">
      <t>ゼンレキ</t>
    </rPh>
    <phoneticPr fontId="8"/>
  </si>
  <si>
    <t>前歴⑦</t>
    <rPh sb="0" eb="2">
      <t>ゼンレキ</t>
    </rPh>
    <phoneticPr fontId="8"/>
  </si>
  <si>
    <t>前歴⑧</t>
    <rPh sb="0" eb="2">
      <t>ゼンレキ</t>
    </rPh>
    <phoneticPr fontId="8"/>
  </si>
  <si>
    <t>前歴⑨</t>
    <rPh sb="0" eb="2">
      <t>ゼンレキ</t>
    </rPh>
    <phoneticPr fontId="8"/>
  </si>
  <si>
    <t>前歴⑩</t>
    <rPh sb="0" eb="2">
      <t>ゼンレキ</t>
    </rPh>
    <phoneticPr fontId="8"/>
  </si>
  <si>
    <t>　第２号様式に記載しきれない場合に使用してください。</t>
    <rPh sb="1" eb="2">
      <t>ダイ</t>
    </rPh>
    <rPh sb="3" eb="4">
      <t>ゴウ</t>
    </rPh>
    <rPh sb="4" eb="6">
      <t>ヨウシキ</t>
    </rPh>
    <rPh sb="7" eb="9">
      <t>キサイ</t>
    </rPh>
    <rPh sb="14" eb="16">
      <t>バアイ</t>
    </rPh>
    <rPh sb="17" eb="19">
      <t>シヨウ</t>
    </rPh>
    <phoneticPr fontId="8"/>
  </si>
  <si>
    <t>○○市社会福祉協議会会長表彰</t>
    <rPh sb="2" eb="3">
      <t>シ</t>
    </rPh>
    <rPh sb="3" eb="5">
      <t>シャカイ</t>
    </rPh>
    <rPh sb="5" eb="7">
      <t>フクシ</t>
    </rPh>
    <rPh sb="7" eb="10">
      <t>キョウギカイ</t>
    </rPh>
    <rPh sb="10" eb="12">
      <t>カイチョウ</t>
    </rPh>
    <rPh sb="12" eb="14">
      <t>ヒョウショウ</t>
    </rPh>
    <phoneticPr fontId="8"/>
  </si>
  <si>
    <t>※一施設につき、一部を提出くださるようお願いします。</t>
    <rPh sb="1" eb="2">
      <t>イチ</t>
    </rPh>
    <rPh sb="2" eb="4">
      <t>シセツ</t>
    </rPh>
    <rPh sb="8" eb="10">
      <t>イチブ</t>
    </rPh>
    <rPh sb="11" eb="13">
      <t>テイシュツ</t>
    </rPh>
    <rPh sb="20" eb="21">
      <t>ネガ</t>
    </rPh>
    <phoneticPr fontId="8"/>
  </si>
  <si>
    <t>功　績　調　書
（記入例）</t>
    <rPh sb="9" eb="11">
      <t>キニュウ</t>
    </rPh>
    <rPh sb="11" eb="12">
      <t>レイ</t>
    </rPh>
    <phoneticPr fontId="8"/>
  </si>
  <si>
    <t>履　歴　書（記入例）</t>
    <rPh sb="0" eb="1">
      <t>クツ</t>
    </rPh>
    <rPh sb="2" eb="3">
      <t>レキ</t>
    </rPh>
    <rPh sb="4" eb="5">
      <t>ショ</t>
    </rPh>
    <rPh sb="6" eb="8">
      <t>キニュウ</t>
    </rPh>
    <rPh sb="8" eb="9">
      <t>レイ</t>
    </rPh>
    <phoneticPr fontId="8"/>
  </si>
  <si>
    <t>○○市○○1-1-1</t>
    <rPh sb="2" eb="3">
      <t>シ</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lt;32516]ggge&quot;年&quot;m&quot;月&quot;d&quot;日&quot;;[&lt;32874]&quot;平成元年&quot;m&quot;月&quot;d&quot;日&quot;;ggge&quot;年&quot;m&quot;月&quot;d&quot;日&quot;\]"/>
    <numFmt numFmtId="177" formatCode="[&lt;32516]ggge&quot;年&quot;m&quot;月&quot;d&quot;日&quot;;[&lt;32874]&quot;平成元年&quot;m&quot;月&quot;d&quot;日&quot;;ggge&quot;年&quot;m&quot;月&quot;d&quot;日&quot;"/>
    <numFmt numFmtId="178" formatCode="ggge&quot;年&quot;m&quot;月&quot;d&quot;日 現在&quot;"/>
    <numFmt numFmtId="179" formatCode="[$-411]ge\.m\.d;@"/>
    <numFmt numFmtId="180" formatCode="[$-411]ggge&quot;年&quot;m&quot;月&quot;d&quot;日&quot;;@"/>
    <numFmt numFmtId="181" formatCode="[$-411]ggge&quot;年&quot;m&quot;月&quot;d&quot;日 現在&quot;"/>
  </numFmts>
  <fonts count="32">
    <font>
      <sz val="12"/>
      <color theme="1"/>
      <name val="ＭＳ 明朝"/>
      <family val="2"/>
      <charset val="128"/>
    </font>
    <font>
      <sz val="11"/>
      <color theme="1"/>
      <name val="神奈川明朝"/>
      <family val="1"/>
      <charset val="128"/>
    </font>
    <font>
      <sz val="11"/>
      <color theme="1"/>
      <name val="ＭＳ 明朝"/>
      <family val="1"/>
      <charset val="128"/>
    </font>
    <font>
      <b/>
      <sz val="14"/>
      <color theme="1"/>
      <name val="ＭＳ ゴシック"/>
      <family val="3"/>
      <charset val="128"/>
    </font>
    <font>
      <sz val="11"/>
      <color theme="1"/>
      <name val="ＭＳ ゴシック"/>
      <family val="3"/>
      <charset val="128"/>
    </font>
    <font>
      <sz val="8"/>
      <color theme="1"/>
      <name val="ＭＳ ゴシック"/>
      <family val="3"/>
      <charset val="128"/>
    </font>
    <font>
      <sz val="8"/>
      <color theme="1"/>
      <name val="ＭＳ 明朝"/>
      <family val="1"/>
      <charset val="128"/>
    </font>
    <font>
      <sz val="10"/>
      <color theme="1"/>
      <name val="ＭＳ ゴシック"/>
      <family val="3"/>
      <charset val="128"/>
    </font>
    <font>
      <sz val="6"/>
      <name val="ＭＳ 明朝"/>
      <family val="2"/>
      <charset val="128"/>
    </font>
    <font>
      <sz val="10.5"/>
      <color theme="1"/>
      <name val="ＭＳ ゴシック"/>
      <family val="3"/>
      <charset val="128"/>
    </font>
    <font>
      <sz val="10"/>
      <color theme="1"/>
      <name val="ＭＳ 明朝"/>
      <family val="1"/>
      <charset val="128"/>
    </font>
    <font>
      <sz val="10.5"/>
      <color theme="1"/>
      <name val="ＭＳ 明朝"/>
      <family val="1"/>
      <charset val="128"/>
    </font>
    <font>
      <sz val="10"/>
      <color theme="1"/>
      <name val="ＭＳ 明朝"/>
      <family val="2"/>
      <charset val="128"/>
    </font>
    <font>
      <sz val="12"/>
      <color theme="1"/>
      <name val="ＭＳ 明朝"/>
      <family val="1"/>
      <charset val="128"/>
    </font>
    <font>
      <b/>
      <sz val="9"/>
      <color indexed="81"/>
      <name val="ＭＳ Ｐゴシック"/>
      <family val="3"/>
      <charset val="128"/>
    </font>
    <font>
      <sz val="12"/>
      <color theme="1"/>
      <name val="ＭＳ ゴシック"/>
      <family val="3"/>
      <charset val="128"/>
    </font>
    <font>
      <sz val="9"/>
      <color theme="1"/>
      <name val="ＭＳ 明朝"/>
      <family val="1"/>
      <charset val="128"/>
    </font>
    <font>
      <b/>
      <sz val="11"/>
      <color theme="1"/>
      <name val="ＭＳ ゴシック"/>
      <family val="3"/>
      <charset val="128"/>
    </font>
    <font>
      <sz val="16"/>
      <color theme="1"/>
      <name val="ＭＳ 明朝"/>
      <family val="1"/>
      <charset val="128"/>
    </font>
    <font>
      <b/>
      <sz val="10"/>
      <color indexed="81"/>
      <name val="ＭＳ Ｐゴシック"/>
      <family val="3"/>
      <charset val="128"/>
    </font>
    <font>
      <sz val="9"/>
      <name val="ＭＳ ゴシック"/>
      <family val="3"/>
      <charset val="128"/>
    </font>
    <font>
      <b/>
      <sz val="14"/>
      <name val="ＭＳ ゴシック"/>
      <family val="3"/>
      <charset val="128"/>
    </font>
    <font>
      <sz val="6"/>
      <name val="ＭＳ Ｐゴシック"/>
      <family val="3"/>
      <charset val="128"/>
    </font>
    <font>
      <sz val="11"/>
      <name val="ＭＳ 明朝"/>
      <family val="1"/>
      <charset val="128"/>
    </font>
    <font>
      <sz val="11"/>
      <name val="ＭＳ ゴシック"/>
      <family val="3"/>
      <charset val="128"/>
    </font>
    <font>
      <sz val="12"/>
      <name val="ＭＳ ゴシック"/>
      <family val="3"/>
      <charset val="128"/>
    </font>
    <font>
      <sz val="10.5"/>
      <name val="ＭＳ 明朝"/>
      <family val="1"/>
      <charset val="128"/>
    </font>
    <font>
      <u/>
      <sz val="11"/>
      <name val="ＭＳ 明朝"/>
      <family val="1"/>
      <charset val="128"/>
    </font>
    <font>
      <sz val="10.5"/>
      <name val="ＭＳ ゴシック"/>
      <family val="3"/>
      <charset val="128"/>
    </font>
    <font>
      <sz val="12"/>
      <name val="ＭＳ 明朝"/>
      <family val="2"/>
      <charset val="128"/>
    </font>
    <font>
      <sz val="10.5"/>
      <color theme="1"/>
      <name val="ＭＳ 明朝"/>
      <family val="2"/>
      <charset val="128"/>
    </font>
    <font>
      <b/>
      <sz val="9"/>
      <color indexed="81"/>
      <name val="MS P ゴシック"/>
      <family val="3"/>
      <charset val="128"/>
    </font>
  </fonts>
  <fills count="9">
    <fill>
      <patternFill patternType="none"/>
    </fill>
    <fill>
      <patternFill patternType="gray125"/>
    </fill>
    <fill>
      <patternFill patternType="solid">
        <fgColor theme="3" tint="0.59999389629810485"/>
        <bgColor indexed="64"/>
      </patternFill>
    </fill>
    <fill>
      <patternFill patternType="solid">
        <fgColor theme="3" tint="0.79998168889431442"/>
        <bgColor indexed="64"/>
      </patternFill>
    </fill>
    <fill>
      <patternFill patternType="solid">
        <fgColor theme="4" tint="0.39997558519241921"/>
        <bgColor indexed="64"/>
      </patternFill>
    </fill>
    <fill>
      <patternFill patternType="solid">
        <fgColor theme="6" tint="0.39997558519241921"/>
        <bgColor indexed="64"/>
      </patternFill>
    </fill>
    <fill>
      <patternFill patternType="solid">
        <fgColor theme="8" tint="0.59999389629810485"/>
        <bgColor indexed="64"/>
      </patternFill>
    </fill>
    <fill>
      <patternFill patternType="solid">
        <fgColor theme="0"/>
        <bgColor indexed="64"/>
      </patternFill>
    </fill>
    <fill>
      <patternFill patternType="solid">
        <fgColor rgb="FFFFFF99"/>
        <bgColor indexed="64"/>
      </patternFill>
    </fill>
  </fills>
  <borders count="73">
    <border>
      <left/>
      <right/>
      <top/>
      <bottom/>
      <diagonal/>
    </border>
    <border>
      <left/>
      <right style="medium">
        <color indexed="64"/>
      </right>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diagonal/>
    </border>
    <border>
      <left style="medium">
        <color indexed="64"/>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top style="medium">
        <color indexed="64"/>
      </top>
      <bottom style="hair">
        <color indexed="64"/>
      </bottom>
      <diagonal/>
    </border>
    <border>
      <left/>
      <right style="thin">
        <color indexed="64"/>
      </right>
      <top/>
      <bottom/>
      <diagonal/>
    </border>
    <border>
      <left/>
      <right/>
      <top style="hair">
        <color indexed="64"/>
      </top>
      <bottom/>
      <diagonal/>
    </border>
    <border>
      <left style="thin">
        <color indexed="64"/>
      </left>
      <right/>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top style="medium">
        <color indexed="64"/>
      </top>
      <bottom style="hair">
        <color indexed="64"/>
      </bottom>
      <diagonal/>
    </border>
    <border>
      <left/>
      <right style="thin">
        <color indexed="64"/>
      </right>
      <top style="medium">
        <color indexed="64"/>
      </top>
      <bottom style="hair">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style="medium">
        <color indexed="64"/>
      </right>
      <top style="hair">
        <color indexed="64"/>
      </top>
      <bottom style="hair">
        <color indexed="64"/>
      </bottom>
      <diagonal/>
    </border>
    <border>
      <left/>
      <right style="medium">
        <color indexed="64"/>
      </right>
      <top style="hair">
        <color indexed="64"/>
      </top>
      <bottom style="thin">
        <color indexed="64"/>
      </bottom>
      <diagonal/>
    </border>
    <border>
      <left style="thin">
        <color indexed="64"/>
      </left>
      <right/>
      <top/>
      <bottom style="hair">
        <color indexed="64"/>
      </bottom>
      <diagonal/>
    </border>
    <border>
      <left/>
      <right style="thin">
        <color indexed="64"/>
      </right>
      <top/>
      <bottom style="hair">
        <color indexed="64"/>
      </bottom>
      <diagonal/>
    </border>
    <border>
      <left/>
      <right style="medium">
        <color indexed="64"/>
      </right>
      <top/>
      <bottom style="hair">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diagonal/>
    </border>
  </borders>
  <cellStyleXfs count="1">
    <xf numFmtId="0" fontId="0" fillId="0" borderId="0">
      <alignment vertical="center"/>
    </xf>
  </cellStyleXfs>
  <cellXfs count="293">
    <xf numFmtId="0" fontId="0" fillId="0" borderId="0" xfId="0">
      <alignment vertical="center"/>
    </xf>
    <xf numFmtId="0" fontId="0" fillId="0" borderId="1" xfId="0" applyBorder="1">
      <alignment vertical="center"/>
    </xf>
    <xf numFmtId="0" fontId="1" fillId="0" borderId="0" xfId="0" applyFont="1" applyAlignment="1">
      <alignment vertical="center"/>
    </xf>
    <xf numFmtId="0" fontId="10" fillId="0" borderId="0" xfId="0" applyFont="1" applyBorder="1" applyAlignment="1">
      <alignment horizontal="center" vertical="center"/>
    </xf>
    <xf numFmtId="0" fontId="10" fillId="0" borderId="1" xfId="0" applyFont="1" applyBorder="1" applyAlignment="1">
      <alignment horizontal="center" vertical="center"/>
    </xf>
    <xf numFmtId="0" fontId="10" fillId="0" borderId="0" xfId="0" applyFont="1" applyBorder="1" applyAlignment="1">
      <alignment vertical="top" wrapText="1"/>
    </xf>
    <xf numFmtId="0" fontId="10" fillId="0" borderId="1" xfId="0" applyFont="1" applyBorder="1">
      <alignment vertical="center"/>
    </xf>
    <xf numFmtId="0" fontId="11" fillId="0" borderId="16" xfId="0" applyFont="1" applyBorder="1" applyAlignment="1">
      <alignment vertical="top" wrapText="1"/>
    </xf>
    <xf numFmtId="0" fontId="11" fillId="0" borderId="14" xfId="0" applyFont="1" applyBorder="1" applyAlignment="1">
      <alignment horizontal="center" vertical="top" wrapText="1"/>
    </xf>
    <xf numFmtId="0" fontId="11" fillId="0" borderId="14" xfId="0" applyFont="1" applyBorder="1" applyAlignment="1">
      <alignment vertical="top" wrapText="1"/>
    </xf>
    <xf numFmtId="0" fontId="10" fillId="0" borderId="16" xfId="0" applyFont="1" applyBorder="1" applyAlignment="1">
      <alignment vertical="top" wrapText="1"/>
    </xf>
    <xf numFmtId="0" fontId="10" fillId="0" borderId="14" xfId="0" applyFont="1" applyBorder="1" applyAlignment="1">
      <alignment vertical="top" wrapText="1"/>
    </xf>
    <xf numFmtId="0" fontId="10" fillId="0" borderId="14" xfId="0" applyFont="1" applyBorder="1">
      <alignment vertical="center"/>
    </xf>
    <xf numFmtId="0" fontId="10" fillId="0" borderId="17" xfId="0" applyFont="1" applyBorder="1">
      <alignment vertical="center"/>
    </xf>
    <xf numFmtId="0" fontId="10" fillId="0" borderId="0" xfId="0" applyFont="1" applyBorder="1" applyAlignment="1">
      <alignment horizontal="center" vertical="center" wrapText="1"/>
    </xf>
    <xf numFmtId="0" fontId="11" fillId="0" borderId="14" xfId="0" applyFont="1" applyBorder="1" applyAlignment="1">
      <alignment vertical="center" wrapText="1"/>
    </xf>
    <xf numFmtId="0" fontId="4" fillId="0" borderId="0" xfId="0" applyFont="1" applyAlignment="1">
      <alignment vertical="center"/>
    </xf>
    <xf numFmtId="0" fontId="9" fillId="0" borderId="0" xfId="0" applyFont="1" applyAlignment="1">
      <alignment vertical="center"/>
    </xf>
    <xf numFmtId="0" fontId="11" fillId="0" borderId="0" xfId="0" applyFont="1" applyBorder="1" applyAlignment="1">
      <alignment vertical="center"/>
    </xf>
    <xf numFmtId="0" fontId="10" fillId="0" borderId="0" xfId="0" applyFont="1" applyFill="1" applyBorder="1" applyAlignment="1">
      <alignment vertical="top" wrapText="1"/>
    </xf>
    <xf numFmtId="0" fontId="10" fillId="0" borderId="0" xfId="0" applyFont="1" applyFill="1" applyBorder="1">
      <alignment vertical="center"/>
    </xf>
    <xf numFmtId="0" fontId="10" fillId="0" borderId="14" xfId="0" applyFont="1" applyFill="1" applyBorder="1" applyAlignment="1">
      <alignment horizontal="center" vertical="center"/>
    </xf>
    <xf numFmtId="0" fontId="10" fillId="0" borderId="0" xfId="0" applyFont="1" applyAlignment="1">
      <alignment horizontal="center" vertical="center"/>
    </xf>
    <xf numFmtId="0" fontId="10" fillId="0" borderId="0" xfId="0" applyFont="1">
      <alignment vertical="center"/>
    </xf>
    <xf numFmtId="0" fontId="10" fillId="5" borderId="27" xfId="0" applyFont="1" applyFill="1" applyBorder="1" applyAlignment="1">
      <alignment horizontal="center" vertical="center"/>
    </xf>
    <xf numFmtId="0" fontId="10" fillId="0" borderId="27" xfId="0" applyFont="1" applyBorder="1">
      <alignment vertical="center"/>
    </xf>
    <xf numFmtId="179" fontId="10" fillId="0" borderId="27" xfId="0" applyNumberFormat="1" applyFont="1" applyBorder="1">
      <alignment vertical="center"/>
    </xf>
    <xf numFmtId="0" fontId="10" fillId="0" borderId="0" xfId="0" applyFont="1" applyBorder="1">
      <alignment vertical="center"/>
    </xf>
    <xf numFmtId="0" fontId="0" fillId="0" borderId="0" xfId="0" applyBorder="1">
      <alignment vertical="center"/>
    </xf>
    <xf numFmtId="0" fontId="10" fillId="0" borderId="0" xfId="0" applyFont="1" applyBorder="1" applyAlignment="1">
      <alignment vertical="center"/>
    </xf>
    <xf numFmtId="0" fontId="3" fillId="0" borderId="0" xfId="0" applyFont="1" applyAlignment="1">
      <alignment vertical="center"/>
    </xf>
    <xf numFmtId="0" fontId="0" fillId="0" borderId="6" xfId="0" applyBorder="1">
      <alignment vertical="center"/>
    </xf>
    <xf numFmtId="0" fontId="0" fillId="0" borderId="8" xfId="0" applyBorder="1">
      <alignment vertical="center"/>
    </xf>
    <xf numFmtId="0" fontId="0" fillId="0" borderId="4" xfId="0" applyBorder="1">
      <alignment vertical="center"/>
    </xf>
    <xf numFmtId="0" fontId="4" fillId="0" borderId="0" xfId="0" applyFont="1" applyBorder="1" applyAlignment="1">
      <alignment vertical="center"/>
    </xf>
    <xf numFmtId="0" fontId="17" fillId="0" borderId="0" xfId="0" applyFont="1" applyBorder="1" applyAlignment="1">
      <alignment vertical="center"/>
    </xf>
    <xf numFmtId="0" fontId="3" fillId="0" borderId="0" xfId="0" applyFont="1" applyBorder="1" applyAlignment="1">
      <alignment vertical="center" wrapText="1"/>
    </xf>
    <xf numFmtId="0" fontId="0" fillId="0" borderId="5" xfId="0" applyBorder="1">
      <alignment vertical="center"/>
    </xf>
    <xf numFmtId="0" fontId="0" fillId="0" borderId="2" xfId="0" applyBorder="1">
      <alignment vertical="center"/>
    </xf>
    <xf numFmtId="0" fontId="3" fillId="0" borderId="7" xfId="0" applyFont="1" applyBorder="1" applyAlignment="1">
      <alignment vertical="center"/>
    </xf>
    <xf numFmtId="0" fontId="15" fillId="0" borderId="0" xfId="0" applyFont="1" applyBorder="1" applyAlignment="1">
      <alignment vertical="center"/>
    </xf>
    <xf numFmtId="0" fontId="13" fillId="0" borderId="10" xfId="0" applyFont="1" applyBorder="1" applyAlignment="1">
      <alignment vertical="center"/>
    </xf>
    <xf numFmtId="0" fontId="10" fillId="0" borderId="15" xfId="0" applyFont="1" applyFill="1" applyBorder="1" applyAlignment="1">
      <alignment horizontal="center" vertical="center"/>
    </xf>
    <xf numFmtId="0" fontId="10" fillId="0" borderId="27" xfId="0" applyFont="1" applyBorder="1" applyAlignment="1">
      <alignment horizontal="center" vertical="center"/>
    </xf>
    <xf numFmtId="0" fontId="12" fillId="6" borderId="27" xfId="0" applyFont="1" applyFill="1" applyBorder="1" applyAlignment="1">
      <alignment horizontal="center" vertical="center"/>
    </xf>
    <xf numFmtId="0" fontId="4" fillId="0" borderId="7" xfId="0" applyFont="1" applyBorder="1" applyAlignment="1">
      <alignment vertical="center"/>
    </xf>
    <xf numFmtId="0" fontId="0" fillId="0" borderId="7" xfId="0" applyBorder="1">
      <alignment vertical="center"/>
    </xf>
    <xf numFmtId="0" fontId="0" fillId="0" borderId="19" xfId="0" applyBorder="1">
      <alignment vertical="center"/>
    </xf>
    <xf numFmtId="0" fontId="10" fillId="0" borderId="19" xfId="0" applyFont="1" applyBorder="1" applyAlignment="1">
      <alignment vertical="center"/>
    </xf>
    <xf numFmtId="0" fontId="10" fillId="0" borderId="19" xfId="0" applyFont="1" applyBorder="1">
      <alignment vertical="center"/>
    </xf>
    <xf numFmtId="0" fontId="10" fillId="0" borderId="20" xfId="0" applyFont="1" applyBorder="1">
      <alignment vertical="center"/>
    </xf>
    <xf numFmtId="0" fontId="10" fillId="0" borderId="10" xfId="0" applyFont="1" applyBorder="1" applyAlignment="1">
      <alignment horizontal="center" vertical="center"/>
    </xf>
    <xf numFmtId="0" fontId="10" fillId="0" borderId="10" xfId="0" applyFont="1" applyBorder="1">
      <alignment vertical="center"/>
    </xf>
    <xf numFmtId="0" fontId="10" fillId="0" borderId="15" xfId="0" applyFont="1" applyBorder="1">
      <alignment vertical="center"/>
    </xf>
    <xf numFmtId="0" fontId="15" fillId="0" borderId="0" xfId="0" applyFont="1" applyFill="1" applyBorder="1" applyAlignment="1">
      <alignment vertical="center"/>
    </xf>
    <xf numFmtId="0" fontId="17" fillId="0" borderId="0" xfId="0" applyFont="1" applyFill="1" applyBorder="1" applyAlignment="1">
      <alignment vertical="center"/>
    </xf>
    <xf numFmtId="0" fontId="3" fillId="0" borderId="0" xfId="0" applyFont="1" applyFill="1" applyBorder="1" applyAlignment="1">
      <alignment vertical="center"/>
    </xf>
    <xf numFmtId="0" fontId="15" fillId="0" borderId="0" xfId="0" applyFont="1" applyBorder="1" applyAlignment="1"/>
    <xf numFmtId="0" fontId="17" fillId="0" borderId="0" xfId="0" applyFont="1" applyBorder="1" applyAlignment="1"/>
    <xf numFmtId="0" fontId="3" fillId="0" borderId="0" xfId="0" applyFont="1" applyBorder="1" applyAlignment="1"/>
    <xf numFmtId="0" fontId="2" fillId="0" borderId="14" xfId="0" applyFont="1" applyFill="1" applyBorder="1" applyAlignment="1">
      <alignment shrinkToFit="1"/>
    </xf>
    <xf numFmtId="0" fontId="23" fillId="7" borderId="0" xfId="0" applyFont="1" applyFill="1" applyAlignment="1" applyProtection="1">
      <alignment vertical="center"/>
    </xf>
    <xf numFmtId="0" fontId="24" fillId="7" borderId="0" xfId="0" applyFont="1" applyFill="1" applyBorder="1" applyAlignment="1" applyProtection="1">
      <alignment horizontal="left" vertical="center"/>
    </xf>
    <xf numFmtId="0" fontId="25" fillId="7" borderId="0" xfId="0" applyFont="1" applyFill="1" applyBorder="1" applyAlignment="1" applyProtection="1">
      <alignment horizontal="left" vertical="center"/>
    </xf>
    <xf numFmtId="0" fontId="21" fillId="7" borderId="0" xfId="0" applyFont="1" applyFill="1" applyBorder="1" applyAlignment="1" applyProtection="1">
      <alignment horizontal="center" vertical="center"/>
    </xf>
    <xf numFmtId="0" fontId="29" fillId="0" borderId="0" xfId="0" applyFont="1">
      <alignment vertical="center"/>
    </xf>
    <xf numFmtId="57" fontId="0" fillId="0" borderId="0" xfId="0" applyNumberFormat="1">
      <alignment vertical="center"/>
    </xf>
    <xf numFmtId="0" fontId="10" fillId="0" borderId="14" xfId="0" applyFont="1" applyFill="1" applyBorder="1" applyAlignment="1">
      <alignment vertical="center"/>
    </xf>
    <xf numFmtId="0" fontId="10" fillId="0" borderId="0" xfId="0" applyFont="1" applyFill="1" applyBorder="1" applyAlignment="1">
      <alignment vertical="center"/>
    </xf>
    <xf numFmtId="0" fontId="16" fillId="0" borderId="24" xfId="0" applyFont="1" applyBorder="1" applyAlignment="1">
      <alignment horizontal="center" vertical="center"/>
    </xf>
    <xf numFmtId="0" fontId="11" fillId="0" borderId="0" xfId="0" applyFont="1" applyBorder="1" applyAlignment="1">
      <alignment horizontal="center" vertical="center" wrapText="1"/>
    </xf>
    <xf numFmtId="0" fontId="3" fillId="0" borderId="0" xfId="0" applyFont="1" applyBorder="1" applyAlignment="1">
      <alignment vertical="center"/>
    </xf>
    <xf numFmtId="0" fontId="11" fillId="0" borderId="0" xfId="0" applyFont="1" applyBorder="1" applyAlignment="1">
      <alignment vertical="center" wrapText="1"/>
    </xf>
    <xf numFmtId="0" fontId="10" fillId="0" borderId="0" xfId="0" applyFont="1" applyFill="1" applyBorder="1" applyAlignment="1">
      <alignment horizontal="center" vertical="center"/>
    </xf>
    <xf numFmtId="0" fontId="16" fillId="7" borderId="24" xfId="0" applyFont="1" applyFill="1" applyBorder="1" applyAlignment="1">
      <alignment horizontal="center" vertical="center"/>
    </xf>
    <xf numFmtId="0" fontId="16" fillId="7" borderId="24" xfId="0" applyFont="1" applyFill="1" applyBorder="1" applyAlignment="1">
      <alignment vertical="center"/>
    </xf>
    <xf numFmtId="0" fontId="16" fillId="7" borderId="25" xfId="0" applyFont="1" applyFill="1" applyBorder="1" applyAlignment="1">
      <alignment vertical="center"/>
    </xf>
    <xf numFmtId="0" fontId="15" fillId="3" borderId="0" xfId="0" applyFont="1" applyFill="1" applyBorder="1" applyAlignment="1">
      <alignment vertical="center"/>
    </xf>
    <xf numFmtId="0" fontId="17" fillId="3" borderId="0" xfId="0" applyFont="1" applyFill="1" applyBorder="1" applyAlignment="1">
      <alignment vertical="center"/>
    </xf>
    <xf numFmtId="0" fontId="3" fillId="3" borderId="0" xfId="0" applyFont="1" applyFill="1" applyBorder="1" applyAlignment="1">
      <alignment vertical="center"/>
    </xf>
    <xf numFmtId="0" fontId="3" fillId="3" borderId="0" xfId="0" applyFont="1" applyFill="1" applyBorder="1" applyAlignment="1">
      <alignment horizontal="left" vertical="center" wrapText="1"/>
    </xf>
    <xf numFmtId="0" fontId="0" fillId="0" borderId="3" xfId="0" applyBorder="1">
      <alignment vertical="center"/>
    </xf>
    <xf numFmtId="0" fontId="11" fillId="0" borderId="0" xfId="0" applyFont="1" applyBorder="1" applyAlignment="1">
      <alignment horizontal="center" vertical="center" wrapText="1"/>
    </xf>
    <xf numFmtId="0" fontId="3" fillId="0" borderId="0" xfId="0" applyFont="1" applyBorder="1" applyAlignment="1">
      <alignment vertical="center"/>
    </xf>
    <xf numFmtId="0" fontId="16" fillId="0" borderId="24" xfId="0" applyFont="1" applyBorder="1" applyAlignment="1">
      <alignment horizontal="center" vertical="center"/>
    </xf>
    <xf numFmtId="0" fontId="10" fillId="8" borderId="27" xfId="0" applyFont="1" applyFill="1" applyBorder="1" applyAlignment="1">
      <alignment horizontal="center" vertical="center"/>
    </xf>
    <xf numFmtId="0" fontId="11" fillId="3" borderId="19" xfId="0" applyFont="1" applyFill="1" applyBorder="1" applyAlignment="1">
      <alignment vertical="center" wrapText="1"/>
    </xf>
    <xf numFmtId="0" fontId="11" fillId="3" borderId="20" xfId="0" applyFont="1" applyFill="1" applyBorder="1" applyAlignment="1">
      <alignment vertical="center" wrapText="1"/>
    </xf>
    <xf numFmtId="0" fontId="11" fillId="3" borderId="14" xfId="0" applyFont="1" applyFill="1" applyBorder="1" applyAlignment="1">
      <alignment vertical="center" wrapText="1"/>
    </xf>
    <xf numFmtId="0" fontId="11" fillId="3" borderId="15" xfId="0" applyFont="1" applyFill="1" applyBorder="1" applyAlignment="1">
      <alignment vertical="center" wrapText="1"/>
    </xf>
    <xf numFmtId="0" fontId="11" fillId="0" borderId="0" xfId="0" applyFont="1" applyBorder="1" applyAlignment="1">
      <alignment horizontal="center" vertical="center" wrapText="1"/>
    </xf>
    <xf numFmtId="0" fontId="3" fillId="0" borderId="0" xfId="0" applyFont="1" applyBorder="1" applyAlignment="1">
      <alignment vertical="center"/>
    </xf>
    <xf numFmtId="0" fontId="16" fillId="0" borderId="24" xfId="0" applyFont="1" applyBorder="1" applyAlignment="1">
      <alignment horizontal="center" vertical="center"/>
    </xf>
    <xf numFmtId="0" fontId="0" fillId="0" borderId="72" xfId="0" applyBorder="1">
      <alignment vertical="center"/>
    </xf>
    <xf numFmtId="0" fontId="17" fillId="0" borderId="0" xfId="0" applyFont="1" applyAlignment="1">
      <alignment vertical="center"/>
    </xf>
    <xf numFmtId="0" fontId="3" fillId="0" borderId="3" xfId="0" applyFont="1" applyBorder="1" applyAlignment="1">
      <alignment horizontal="left" vertical="center"/>
    </xf>
    <xf numFmtId="0" fontId="3" fillId="0" borderId="0" xfId="0" applyFont="1" applyAlignment="1">
      <alignment horizontal="left" vertical="center"/>
    </xf>
    <xf numFmtId="0" fontId="4" fillId="0" borderId="0" xfId="0" applyFont="1" applyAlignment="1">
      <alignment horizontal="left" vertical="center"/>
    </xf>
    <xf numFmtId="0" fontId="15" fillId="3" borderId="3" xfId="0" applyFont="1" applyFill="1" applyBorder="1" applyAlignment="1">
      <alignment vertical="center"/>
    </xf>
    <xf numFmtId="0" fontId="17" fillId="3" borderId="3" xfId="0" applyFont="1" applyFill="1" applyBorder="1" applyAlignment="1">
      <alignment vertical="center"/>
    </xf>
    <xf numFmtId="0" fontId="3" fillId="3" borderId="3" xfId="0" applyFont="1" applyFill="1" applyBorder="1" applyAlignment="1">
      <alignment vertical="center"/>
    </xf>
    <xf numFmtId="0" fontId="3" fillId="3" borderId="3" xfId="0" applyFont="1" applyFill="1" applyBorder="1" applyAlignment="1">
      <alignment horizontal="left" vertical="center" wrapText="1"/>
    </xf>
    <xf numFmtId="178" fontId="11" fillId="0" borderId="3" xfId="0" applyNumberFormat="1" applyFont="1" applyBorder="1" applyAlignment="1">
      <alignment horizontal="right" vertical="center"/>
    </xf>
    <xf numFmtId="0" fontId="11" fillId="0" borderId="19" xfId="0" applyFont="1" applyBorder="1" applyAlignment="1">
      <alignment horizontal="center" vertical="center" wrapText="1"/>
    </xf>
    <xf numFmtId="0" fontId="11" fillId="0" borderId="20" xfId="0" applyFont="1" applyBorder="1" applyAlignment="1">
      <alignment horizontal="center" vertical="center" wrapText="1"/>
    </xf>
    <xf numFmtId="0" fontId="11" fillId="0" borderId="0" xfId="0" applyFont="1" applyBorder="1" applyAlignment="1">
      <alignment horizontal="center" vertical="center" wrapText="1"/>
    </xf>
    <xf numFmtId="0" fontId="11" fillId="0" borderId="10" xfId="0" applyFont="1" applyBorder="1" applyAlignment="1">
      <alignment horizontal="center" vertical="center" wrapText="1"/>
    </xf>
    <xf numFmtId="0" fontId="11" fillId="0" borderId="14" xfId="0" applyFont="1" applyBorder="1" applyAlignment="1">
      <alignment horizontal="center" vertical="center" wrapText="1"/>
    </xf>
    <xf numFmtId="0" fontId="11" fillId="0" borderId="15" xfId="0" applyFont="1" applyBorder="1" applyAlignment="1">
      <alignment horizontal="center" vertical="center" wrapText="1"/>
    </xf>
    <xf numFmtId="0" fontId="11" fillId="3" borderId="19" xfId="0" applyFont="1" applyFill="1" applyBorder="1" applyAlignment="1">
      <alignment horizontal="left" vertical="center" wrapText="1"/>
    </xf>
    <xf numFmtId="0" fontId="11" fillId="3" borderId="20" xfId="0" applyFont="1" applyFill="1" applyBorder="1" applyAlignment="1">
      <alignment horizontal="left" vertical="center" wrapText="1"/>
    </xf>
    <xf numFmtId="0" fontId="11" fillId="3" borderId="14" xfId="0" applyFont="1" applyFill="1" applyBorder="1" applyAlignment="1">
      <alignment horizontal="left" vertical="center" wrapText="1"/>
    </xf>
    <xf numFmtId="0" fontId="11" fillId="3" borderId="15" xfId="0" applyFont="1" applyFill="1" applyBorder="1" applyAlignment="1">
      <alignment horizontal="left" vertical="center" wrapText="1"/>
    </xf>
    <xf numFmtId="0" fontId="11" fillId="0" borderId="21" xfId="0" applyFont="1" applyBorder="1" applyAlignment="1">
      <alignment horizontal="center" vertical="center" wrapText="1"/>
    </xf>
    <xf numFmtId="0" fontId="11" fillId="0" borderId="16" xfId="0" applyFont="1" applyBorder="1" applyAlignment="1">
      <alignment horizontal="center" vertical="center" wrapText="1"/>
    </xf>
    <xf numFmtId="0" fontId="2" fillId="3" borderId="14" xfId="0" applyFont="1" applyFill="1" applyBorder="1" applyAlignment="1">
      <alignment horizontal="left" shrinkToFit="1"/>
    </xf>
    <xf numFmtId="0" fontId="10" fillId="0" borderId="19" xfId="0" applyFont="1" applyBorder="1" applyAlignment="1">
      <alignment horizontal="center" vertical="center" wrapText="1"/>
    </xf>
    <xf numFmtId="0" fontId="10" fillId="0" borderId="14" xfId="0" applyFont="1" applyBorder="1" applyAlignment="1">
      <alignment horizontal="center" vertical="center" wrapText="1"/>
    </xf>
    <xf numFmtId="0" fontId="13" fillId="3" borderId="19" xfId="0" applyFont="1" applyFill="1" applyBorder="1" applyAlignment="1">
      <alignment horizontal="right" vertical="center"/>
    </xf>
    <xf numFmtId="0" fontId="13" fillId="3" borderId="14" xfId="0" applyFont="1" applyFill="1" applyBorder="1" applyAlignment="1">
      <alignment horizontal="right" vertical="center"/>
    </xf>
    <xf numFmtId="0" fontId="13" fillId="3" borderId="21" xfId="0" applyFont="1" applyFill="1" applyBorder="1" applyAlignment="1">
      <alignment horizontal="right" vertical="center" wrapText="1"/>
    </xf>
    <xf numFmtId="0" fontId="13" fillId="3" borderId="19" xfId="0" applyFont="1" applyFill="1" applyBorder="1" applyAlignment="1">
      <alignment horizontal="right" vertical="center" wrapText="1"/>
    </xf>
    <xf numFmtId="0" fontId="13" fillId="3" borderId="16" xfId="0" applyFont="1" applyFill="1" applyBorder="1" applyAlignment="1">
      <alignment horizontal="right" vertical="center" wrapText="1"/>
    </xf>
    <xf numFmtId="0" fontId="13" fillId="3" borderId="14" xfId="0" applyFont="1" applyFill="1" applyBorder="1" applyAlignment="1">
      <alignment horizontal="right" vertical="center" wrapText="1"/>
    </xf>
    <xf numFmtId="0" fontId="11" fillId="3" borderId="32" xfId="0" applyFont="1" applyFill="1" applyBorder="1" applyAlignment="1">
      <alignment horizontal="left" vertical="center"/>
    </xf>
    <xf numFmtId="0" fontId="11" fillId="3" borderId="33" xfId="0" applyFont="1" applyFill="1" applyBorder="1" applyAlignment="1">
      <alignment horizontal="left" vertical="center"/>
    </xf>
    <xf numFmtId="0" fontId="11" fillId="3" borderId="58" xfId="0" applyFont="1" applyFill="1" applyBorder="1" applyAlignment="1">
      <alignment horizontal="left" vertical="center"/>
    </xf>
    <xf numFmtId="0" fontId="11" fillId="3" borderId="23" xfId="0" applyFont="1" applyFill="1" applyBorder="1" applyAlignment="1">
      <alignment horizontal="left" vertical="center" wrapText="1"/>
    </xf>
    <xf numFmtId="0" fontId="11" fillId="3" borderId="24" xfId="0" applyFont="1" applyFill="1" applyBorder="1" applyAlignment="1">
      <alignment horizontal="left" vertical="center" wrapText="1"/>
    </xf>
    <xf numFmtId="0" fontId="11" fillId="3" borderId="26" xfId="0" applyFont="1" applyFill="1" applyBorder="1" applyAlignment="1">
      <alignment horizontal="left" vertical="center" wrapText="1"/>
    </xf>
    <xf numFmtId="0" fontId="10" fillId="0" borderId="14" xfId="0" applyFont="1" applyBorder="1" applyAlignment="1">
      <alignment horizontal="center" vertical="top" wrapText="1"/>
    </xf>
    <xf numFmtId="177" fontId="10" fillId="3" borderId="0" xfId="0" applyNumberFormat="1" applyFont="1" applyFill="1" applyBorder="1" applyAlignment="1">
      <alignment horizontal="right" vertical="center"/>
    </xf>
    <xf numFmtId="177" fontId="10" fillId="3" borderId="0" xfId="0" applyNumberFormat="1" applyFont="1" applyFill="1" applyBorder="1" applyAlignment="1">
      <alignment horizontal="center" vertical="center"/>
    </xf>
    <xf numFmtId="0" fontId="11" fillId="3" borderId="21" xfId="0" applyFont="1" applyFill="1" applyBorder="1" applyAlignment="1">
      <alignment horizontal="left" vertical="center" wrapText="1"/>
    </xf>
    <xf numFmtId="0" fontId="11" fillId="3" borderId="16" xfId="0" applyFont="1" applyFill="1" applyBorder="1" applyAlignment="1">
      <alignment horizontal="left" vertical="center" wrapText="1"/>
    </xf>
    <xf numFmtId="0" fontId="7" fillId="0" borderId="35" xfId="0" applyFont="1" applyBorder="1" applyAlignment="1">
      <alignment horizontal="center" vertical="center" wrapText="1"/>
    </xf>
    <xf numFmtId="0" fontId="7" fillId="0" borderId="36" xfId="0" applyFont="1" applyBorder="1" applyAlignment="1">
      <alignment horizontal="center" vertical="center" wrapText="1"/>
    </xf>
    <xf numFmtId="0" fontId="7" fillId="0" borderId="40" xfId="0" applyFont="1" applyBorder="1" applyAlignment="1">
      <alignment horizontal="center" vertical="center" wrapText="1"/>
    </xf>
    <xf numFmtId="0" fontId="7" fillId="0" borderId="41" xfId="0" applyFont="1" applyBorder="1" applyAlignment="1">
      <alignment horizontal="center" vertical="center" wrapText="1"/>
    </xf>
    <xf numFmtId="0" fontId="7" fillId="0" borderId="37" xfId="0" applyFont="1" applyBorder="1" applyAlignment="1">
      <alignment horizontal="center" vertical="center" wrapText="1"/>
    </xf>
    <xf numFmtId="0" fontId="7" fillId="0" borderId="42" xfId="0" applyFont="1" applyBorder="1" applyAlignment="1">
      <alignment horizontal="center" vertical="center"/>
    </xf>
    <xf numFmtId="0" fontId="3" fillId="0" borderId="0" xfId="0" applyFont="1" applyAlignment="1">
      <alignment horizontal="center" vertical="center" wrapText="1"/>
    </xf>
    <xf numFmtId="0" fontId="7" fillId="0" borderId="18" xfId="0" applyFont="1" applyBorder="1" applyAlignment="1">
      <alignment horizontal="center" vertical="center" wrapText="1"/>
    </xf>
    <xf numFmtId="0" fontId="7" fillId="0" borderId="19" xfId="0" applyFont="1" applyBorder="1" applyAlignment="1">
      <alignment horizontal="center" vertical="center" wrapText="1"/>
    </xf>
    <xf numFmtId="0" fontId="7" fillId="0" borderId="20" xfId="0" applyFont="1" applyBorder="1" applyAlignment="1">
      <alignment horizontal="center" vertical="center" wrapText="1"/>
    </xf>
    <xf numFmtId="0" fontId="7" fillId="0" borderId="13" xfId="0" applyFont="1" applyBorder="1" applyAlignment="1">
      <alignment horizontal="center" vertical="center" wrapText="1"/>
    </xf>
    <xf numFmtId="0" fontId="7" fillId="0" borderId="14" xfId="0" applyFont="1" applyBorder="1" applyAlignment="1">
      <alignment horizontal="center" vertical="center" wrapText="1"/>
    </xf>
    <xf numFmtId="0" fontId="7" fillId="0" borderId="15" xfId="0" applyFont="1" applyBorder="1" applyAlignment="1">
      <alignment horizontal="center" vertical="center" wrapText="1"/>
    </xf>
    <xf numFmtId="0" fontId="11" fillId="3" borderId="22" xfId="0" applyFont="1" applyFill="1" applyBorder="1" applyAlignment="1">
      <alignment horizontal="left" vertical="center" wrapText="1"/>
    </xf>
    <xf numFmtId="0" fontId="11" fillId="3" borderId="17" xfId="0" applyFont="1" applyFill="1" applyBorder="1" applyAlignment="1">
      <alignment horizontal="left" vertical="center" wrapText="1"/>
    </xf>
    <xf numFmtId="0" fontId="12" fillId="3" borderId="38" xfId="0" applyFont="1" applyFill="1" applyBorder="1" applyAlignment="1">
      <alignment vertical="center" wrapText="1"/>
    </xf>
    <xf numFmtId="0" fontId="12" fillId="3" borderId="9" xfId="0" applyFont="1" applyFill="1" applyBorder="1" applyAlignment="1">
      <alignment vertical="center" wrapText="1"/>
    </xf>
    <xf numFmtId="0" fontId="12" fillId="3" borderId="39" xfId="0" applyFont="1" applyFill="1" applyBorder="1" applyAlignment="1">
      <alignment vertical="center" wrapText="1"/>
    </xf>
    <xf numFmtId="0" fontId="12" fillId="3" borderId="43" xfId="0" applyFont="1" applyFill="1" applyBorder="1" applyAlignment="1">
      <alignment vertical="center" wrapText="1"/>
    </xf>
    <xf numFmtId="0" fontId="12" fillId="3" borderId="44" xfId="0" applyFont="1" applyFill="1" applyBorder="1" applyAlignment="1">
      <alignment vertical="center" wrapText="1"/>
    </xf>
    <xf numFmtId="0" fontId="12" fillId="3" borderId="45" xfId="0" applyFont="1" applyFill="1" applyBorder="1" applyAlignment="1">
      <alignment vertical="center" wrapText="1"/>
    </xf>
    <xf numFmtId="180" fontId="10" fillId="3" borderId="14" xfId="0" applyNumberFormat="1" applyFont="1" applyFill="1" applyBorder="1" applyAlignment="1">
      <alignment horizontal="right" vertical="center" shrinkToFit="1"/>
    </xf>
    <xf numFmtId="0" fontId="11" fillId="0" borderId="12" xfId="0" applyFont="1" applyBorder="1" applyAlignment="1">
      <alignment horizontal="center" vertical="center" wrapText="1"/>
    </xf>
    <xf numFmtId="0" fontId="9" fillId="0" borderId="48" xfId="0" applyFont="1" applyBorder="1" applyAlignment="1">
      <alignment horizontal="center" vertical="center" wrapText="1"/>
    </xf>
    <xf numFmtId="0" fontId="9" fillId="0" borderId="24" xfId="0" applyFont="1" applyBorder="1" applyAlignment="1">
      <alignment horizontal="center" vertical="center" wrapText="1"/>
    </xf>
    <xf numFmtId="0" fontId="9" fillId="0" borderId="25" xfId="0" applyFont="1" applyBorder="1" applyAlignment="1">
      <alignment horizontal="center" vertical="center" wrapText="1"/>
    </xf>
    <xf numFmtId="177" fontId="10" fillId="3" borderId="32" xfId="0" applyNumberFormat="1" applyFont="1" applyFill="1" applyBorder="1" applyAlignment="1">
      <alignment horizontal="center" vertical="center" shrinkToFit="1"/>
    </xf>
    <xf numFmtId="177" fontId="10" fillId="3" borderId="33" xfId="0" applyNumberFormat="1" applyFont="1" applyFill="1" applyBorder="1" applyAlignment="1">
      <alignment horizontal="center" vertical="center" shrinkToFit="1"/>
    </xf>
    <xf numFmtId="177" fontId="10" fillId="3" borderId="34" xfId="0" applyNumberFormat="1" applyFont="1" applyFill="1" applyBorder="1" applyAlignment="1">
      <alignment horizontal="center" vertical="center" shrinkToFit="1"/>
    </xf>
    <xf numFmtId="0" fontId="9" fillId="0" borderId="29" xfId="0" applyFont="1" applyBorder="1" applyAlignment="1">
      <alignment horizontal="center" vertical="center" wrapText="1"/>
    </xf>
    <xf numFmtId="0" fontId="9" fillId="0" borderId="30" xfId="0" applyFont="1" applyBorder="1" applyAlignment="1">
      <alignment horizontal="center" vertical="center" wrapText="1"/>
    </xf>
    <xf numFmtId="0" fontId="9" fillId="0" borderId="53" xfId="0" applyFont="1" applyBorder="1" applyAlignment="1">
      <alignment horizontal="center" vertical="center" wrapText="1"/>
    </xf>
    <xf numFmtId="0" fontId="11" fillId="3" borderId="59" xfId="0" applyFont="1" applyFill="1" applyBorder="1" applyAlignment="1">
      <alignment horizontal="left" vertical="center"/>
    </xf>
    <xf numFmtId="0" fontId="11" fillId="3" borderId="28" xfId="0" applyFont="1" applyFill="1" applyBorder="1" applyAlignment="1">
      <alignment horizontal="left" vertical="center"/>
    </xf>
    <xf numFmtId="0" fontId="11" fillId="3" borderId="61" xfId="0" applyFont="1" applyFill="1" applyBorder="1" applyAlignment="1">
      <alignment horizontal="left" vertical="center"/>
    </xf>
    <xf numFmtId="0" fontId="11" fillId="3" borderId="54" xfId="0" applyFont="1" applyFill="1" applyBorder="1" applyAlignment="1">
      <alignment horizontal="left" vertical="center"/>
    </xf>
    <xf numFmtId="0" fontId="11" fillId="3" borderId="55" xfId="0" applyFont="1" applyFill="1" applyBorder="1" applyAlignment="1">
      <alignment horizontal="left" vertical="center"/>
    </xf>
    <xf numFmtId="0" fontId="11" fillId="3" borderId="57" xfId="0" applyFont="1" applyFill="1" applyBorder="1" applyAlignment="1">
      <alignment horizontal="left" vertical="center"/>
    </xf>
    <xf numFmtId="0" fontId="9" fillId="0" borderId="31" xfId="0" applyFont="1" applyBorder="1" applyAlignment="1">
      <alignment horizontal="center" vertical="center" wrapText="1"/>
    </xf>
    <xf numFmtId="0" fontId="10" fillId="0" borderId="19" xfId="0" applyFont="1" applyBorder="1" applyAlignment="1">
      <alignment horizontal="center" vertical="center"/>
    </xf>
    <xf numFmtId="0" fontId="10" fillId="0" borderId="14" xfId="0" applyFont="1" applyBorder="1" applyAlignment="1">
      <alignment horizontal="center" vertical="center"/>
    </xf>
    <xf numFmtId="0" fontId="2" fillId="3" borderId="14" xfId="0" applyFont="1" applyFill="1" applyBorder="1" applyAlignment="1">
      <alignment horizontal="left" wrapText="1"/>
    </xf>
    <xf numFmtId="0" fontId="9" fillId="0" borderId="18" xfId="0" applyFont="1" applyBorder="1" applyAlignment="1">
      <alignment horizontal="center" vertical="center" wrapText="1"/>
    </xf>
    <xf numFmtId="0" fontId="9" fillId="0" borderId="19" xfId="0" applyFont="1" applyBorder="1" applyAlignment="1">
      <alignment horizontal="center" vertical="center" wrapText="1"/>
    </xf>
    <xf numFmtId="0" fontId="9" fillId="0" borderId="20" xfId="0" applyFont="1" applyBorder="1" applyAlignment="1">
      <alignment horizontal="center" vertical="center" wrapText="1"/>
    </xf>
    <xf numFmtId="0" fontId="9" fillId="0" borderId="4" xfId="0" applyFont="1" applyBorder="1" applyAlignment="1">
      <alignment horizontal="center" vertical="center" wrapText="1"/>
    </xf>
    <xf numFmtId="0" fontId="9" fillId="0" borderId="0" xfId="0" applyFont="1" applyBorder="1" applyAlignment="1">
      <alignment horizontal="center" vertical="center" wrapText="1"/>
    </xf>
    <xf numFmtId="0" fontId="9" fillId="0" borderId="10" xfId="0" applyFont="1" applyBorder="1" applyAlignment="1">
      <alignment horizontal="center" vertical="center" wrapText="1"/>
    </xf>
    <xf numFmtId="0" fontId="9" fillId="0" borderId="13" xfId="0" applyFont="1" applyBorder="1" applyAlignment="1">
      <alignment horizontal="center" vertical="center" wrapText="1"/>
    </xf>
    <xf numFmtId="0" fontId="9" fillId="0" borderId="14" xfId="0" applyFont="1" applyBorder="1" applyAlignment="1">
      <alignment horizontal="center" vertical="center" wrapText="1"/>
    </xf>
    <xf numFmtId="0" fontId="9" fillId="0" borderId="15" xfId="0" applyFont="1" applyBorder="1" applyAlignment="1">
      <alignment horizontal="center" vertical="center" wrapText="1"/>
    </xf>
    <xf numFmtId="0" fontId="11" fillId="3" borderId="12" xfId="0" applyFont="1" applyFill="1" applyBorder="1" applyAlignment="1">
      <alignment horizontal="left" vertical="center" wrapText="1"/>
    </xf>
    <xf numFmtId="0" fontId="11" fillId="3" borderId="0" xfId="0" applyFont="1" applyFill="1" applyBorder="1" applyAlignment="1">
      <alignment horizontal="left" vertical="center" wrapText="1"/>
    </xf>
    <xf numFmtId="0" fontId="11" fillId="3" borderId="1" xfId="0" applyFont="1" applyFill="1" applyBorder="1" applyAlignment="1">
      <alignment horizontal="left" vertical="center" wrapText="1"/>
    </xf>
    <xf numFmtId="0" fontId="10" fillId="3" borderId="19" xfId="0" applyFont="1" applyFill="1" applyBorder="1" applyAlignment="1">
      <alignment horizontal="center" vertical="center" wrapText="1"/>
    </xf>
    <xf numFmtId="0" fontId="10" fillId="3" borderId="14" xfId="0" applyFont="1" applyFill="1" applyBorder="1" applyAlignment="1">
      <alignment horizontal="center" vertical="center" wrapText="1"/>
    </xf>
    <xf numFmtId="0" fontId="20" fillId="0" borderId="21" xfId="0" applyFont="1" applyBorder="1" applyAlignment="1">
      <alignment horizontal="center" vertical="center" wrapText="1"/>
    </xf>
    <xf numFmtId="0" fontId="20" fillId="0" borderId="19" xfId="0" applyFont="1" applyBorder="1" applyAlignment="1">
      <alignment horizontal="center" vertical="center" wrapText="1"/>
    </xf>
    <xf numFmtId="0" fontId="20" fillId="0" borderId="20" xfId="0" applyFont="1" applyBorder="1" applyAlignment="1">
      <alignment horizontal="center" vertical="center" wrapText="1"/>
    </xf>
    <xf numFmtId="0" fontId="20" fillId="0" borderId="16" xfId="0" applyFont="1" applyBorder="1" applyAlignment="1">
      <alignment horizontal="center" vertical="center" wrapText="1"/>
    </xf>
    <xf numFmtId="0" fontId="20" fillId="0" borderId="14" xfId="0" applyFont="1" applyBorder="1" applyAlignment="1">
      <alignment horizontal="center" vertical="center" wrapText="1"/>
    </xf>
    <xf numFmtId="0" fontId="20" fillId="0" borderId="15" xfId="0" applyFont="1" applyBorder="1" applyAlignment="1">
      <alignment horizontal="center" vertical="center" wrapText="1"/>
    </xf>
    <xf numFmtId="0" fontId="10" fillId="0" borderId="22" xfId="0" applyFont="1" applyBorder="1" applyAlignment="1">
      <alignment horizontal="center" vertical="center"/>
    </xf>
    <xf numFmtId="0" fontId="10" fillId="0" borderId="17" xfId="0" applyFont="1" applyBorder="1" applyAlignment="1">
      <alignment horizontal="center" vertical="center"/>
    </xf>
    <xf numFmtId="0" fontId="7" fillId="0" borderId="16" xfId="0" applyFont="1" applyBorder="1" applyAlignment="1">
      <alignment horizontal="center" vertical="center" wrapText="1"/>
    </xf>
    <xf numFmtId="0" fontId="11" fillId="2" borderId="14" xfId="0" applyFont="1" applyFill="1" applyBorder="1" applyAlignment="1">
      <alignment horizontal="center" vertical="top" wrapText="1"/>
    </xf>
    <xf numFmtId="0" fontId="9" fillId="0" borderId="49" xfId="0" applyFont="1" applyBorder="1" applyAlignment="1">
      <alignment horizontal="center" vertical="center" wrapText="1"/>
    </xf>
    <xf numFmtId="0" fontId="9" fillId="0" borderId="50" xfId="0" applyFont="1" applyBorder="1" applyAlignment="1">
      <alignment horizontal="center" vertical="center" wrapText="1"/>
    </xf>
    <xf numFmtId="0" fontId="11" fillId="3" borderId="52" xfId="0" applyFont="1" applyFill="1" applyBorder="1" applyAlignment="1">
      <alignment horizontal="left" vertical="center"/>
    </xf>
    <xf numFmtId="0" fontId="11" fillId="3" borderId="50" xfId="0" applyFont="1" applyFill="1" applyBorder="1" applyAlignment="1">
      <alignment horizontal="left" vertical="center"/>
    </xf>
    <xf numFmtId="0" fontId="11" fillId="3" borderId="51" xfId="0" applyFont="1" applyFill="1" applyBorder="1" applyAlignment="1">
      <alignment horizontal="left" vertical="center"/>
    </xf>
    <xf numFmtId="0" fontId="3" fillId="0" borderId="0" xfId="0" applyFont="1" applyFill="1" applyBorder="1" applyAlignment="1">
      <alignment horizontal="left" vertical="center" wrapText="1"/>
    </xf>
    <xf numFmtId="0" fontId="9" fillId="0" borderId="12" xfId="0" applyFont="1" applyBorder="1" applyAlignment="1">
      <alignment horizontal="center" vertical="center" wrapText="1"/>
    </xf>
    <xf numFmtId="0" fontId="18" fillId="3" borderId="11" xfId="0" applyFont="1" applyFill="1" applyBorder="1" applyAlignment="1">
      <alignment horizontal="center" vertical="center" shrinkToFit="1"/>
    </xf>
    <xf numFmtId="0" fontId="18" fillId="3" borderId="0" xfId="0" applyFont="1" applyFill="1" applyBorder="1" applyAlignment="1">
      <alignment horizontal="center" vertical="center" shrinkToFit="1"/>
    </xf>
    <xf numFmtId="177" fontId="10" fillId="3" borderId="59" xfId="0" applyNumberFormat="1" applyFont="1" applyFill="1" applyBorder="1" applyAlignment="1">
      <alignment horizontal="center" vertical="center" shrinkToFit="1"/>
    </xf>
    <xf numFmtId="177" fontId="10" fillId="3" borderId="28" xfId="0" applyNumberFormat="1" applyFont="1" applyFill="1" applyBorder="1" applyAlignment="1">
      <alignment horizontal="center" vertical="center" shrinkToFit="1"/>
    </xf>
    <xf numFmtId="177" fontId="10" fillId="3" borderId="60" xfId="0" applyNumberFormat="1" applyFont="1" applyFill="1" applyBorder="1" applyAlignment="1">
      <alignment horizontal="center" vertical="center" shrinkToFit="1"/>
    </xf>
    <xf numFmtId="177" fontId="10" fillId="3" borderId="54" xfId="0" applyNumberFormat="1" applyFont="1" applyFill="1" applyBorder="1" applyAlignment="1">
      <alignment horizontal="center" vertical="center" shrinkToFit="1"/>
    </xf>
    <xf numFmtId="177" fontId="10" fillId="3" borderId="55" xfId="0" applyNumberFormat="1" applyFont="1" applyFill="1" applyBorder="1" applyAlignment="1">
      <alignment horizontal="center" vertical="center" shrinkToFit="1"/>
    </xf>
    <xf numFmtId="177" fontId="10" fillId="3" borderId="56" xfId="0" applyNumberFormat="1" applyFont="1" applyFill="1" applyBorder="1" applyAlignment="1">
      <alignment horizontal="center" vertical="center" shrinkToFit="1"/>
    </xf>
    <xf numFmtId="0" fontId="3" fillId="0" borderId="0" xfId="0" applyFont="1" applyBorder="1" applyAlignment="1">
      <alignment vertical="center"/>
    </xf>
    <xf numFmtId="0" fontId="5" fillId="0" borderId="29"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31" xfId="0" applyFont="1" applyBorder="1" applyAlignment="1">
      <alignment horizontal="center" vertical="center" wrapText="1"/>
    </xf>
    <xf numFmtId="0" fontId="6" fillId="3" borderId="30" xfId="0" applyFont="1" applyFill="1" applyBorder="1" applyAlignment="1">
      <alignment horizontal="center" vertical="center" shrinkToFit="1"/>
    </xf>
    <xf numFmtId="0" fontId="9" fillId="0" borderId="21" xfId="0" applyFont="1" applyBorder="1" applyAlignment="1">
      <alignment horizontal="center" vertical="center" wrapText="1"/>
    </xf>
    <xf numFmtId="0" fontId="9" fillId="0" borderId="16" xfId="0" applyFont="1" applyBorder="1" applyAlignment="1">
      <alignment horizontal="center" vertical="center" wrapText="1"/>
    </xf>
    <xf numFmtId="180" fontId="10" fillId="3" borderId="0" xfId="0" applyNumberFormat="1" applyFont="1" applyFill="1" applyBorder="1" applyAlignment="1">
      <alignment horizontal="center" vertical="center" shrinkToFit="1"/>
    </xf>
    <xf numFmtId="0" fontId="10" fillId="0" borderId="0" xfId="0" applyFont="1" applyFill="1" applyBorder="1" applyAlignment="1">
      <alignment horizontal="center" vertical="top" wrapText="1"/>
    </xf>
    <xf numFmtId="0" fontId="5" fillId="0" borderId="46" xfId="0" applyFont="1" applyBorder="1" applyAlignment="1">
      <alignment horizontal="center" vertical="center" wrapText="1"/>
    </xf>
    <xf numFmtId="0" fontId="5" fillId="0" borderId="9" xfId="0" applyFont="1" applyBorder="1" applyAlignment="1">
      <alignment horizontal="center" vertical="center" wrapText="1"/>
    </xf>
    <xf numFmtId="0" fontId="5" fillId="0" borderId="47" xfId="0" applyFont="1" applyBorder="1" applyAlignment="1">
      <alignment horizontal="center" vertical="center" wrapText="1"/>
    </xf>
    <xf numFmtId="0" fontId="6" fillId="3" borderId="9" xfId="0" applyFont="1" applyFill="1" applyBorder="1" applyAlignment="1">
      <alignment horizontal="center" vertical="center" shrinkToFit="1"/>
    </xf>
    <xf numFmtId="0" fontId="6" fillId="3" borderId="28" xfId="0" applyFont="1" applyFill="1" applyBorder="1" applyAlignment="1">
      <alignment horizontal="center" vertical="center" shrinkToFit="1"/>
    </xf>
    <xf numFmtId="0" fontId="16" fillId="3" borderId="23" xfId="0" applyFont="1" applyFill="1" applyBorder="1" applyAlignment="1">
      <alignment horizontal="center" vertical="center" shrinkToFit="1"/>
    </xf>
    <xf numFmtId="0" fontId="16" fillId="3" borderId="25" xfId="0" applyFont="1" applyFill="1" applyBorder="1" applyAlignment="1">
      <alignment horizontal="center" vertical="center" shrinkToFit="1"/>
    </xf>
    <xf numFmtId="0" fontId="2" fillId="7" borderId="0" xfId="0" applyFont="1" applyFill="1" applyBorder="1" applyAlignment="1">
      <alignment horizontal="center" vertical="center" wrapText="1"/>
    </xf>
    <xf numFmtId="0" fontId="2" fillId="3" borderId="0" xfId="0" applyFont="1" applyFill="1" applyBorder="1" applyAlignment="1">
      <alignment horizontal="center" vertical="center" wrapText="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0" fontId="16" fillId="0" borderId="25" xfId="0" applyFont="1" applyBorder="1" applyAlignment="1">
      <alignment horizontal="center" vertical="center"/>
    </xf>
    <xf numFmtId="0" fontId="16" fillId="3" borderId="23" xfId="0" applyFont="1" applyFill="1" applyBorder="1" applyAlignment="1">
      <alignment horizontal="center" vertical="center"/>
    </xf>
    <xf numFmtId="0" fontId="16" fillId="3" borderId="24" xfId="0" applyFont="1" applyFill="1" applyBorder="1" applyAlignment="1">
      <alignment horizontal="center" vertical="center"/>
    </xf>
    <xf numFmtId="0" fontId="16" fillId="3" borderId="25" xfId="0" applyFont="1" applyFill="1" applyBorder="1" applyAlignment="1">
      <alignment horizontal="center" vertical="center"/>
    </xf>
    <xf numFmtId="180" fontId="16" fillId="3" borderId="23" xfId="0" applyNumberFormat="1" applyFont="1" applyFill="1" applyBorder="1" applyAlignment="1">
      <alignment horizontal="right" vertical="center"/>
    </xf>
    <xf numFmtId="180" fontId="16" fillId="3" borderId="24" xfId="0" applyNumberFormat="1" applyFont="1" applyFill="1" applyBorder="1" applyAlignment="1">
      <alignment horizontal="right" vertical="center"/>
    </xf>
    <xf numFmtId="180" fontId="16" fillId="3" borderId="25" xfId="0" applyNumberFormat="1" applyFont="1" applyFill="1" applyBorder="1" applyAlignment="1">
      <alignment horizontal="right" vertical="center"/>
    </xf>
    <xf numFmtId="0" fontId="9" fillId="0" borderId="23" xfId="0" applyFont="1" applyBorder="1" applyAlignment="1">
      <alignment horizontal="center" vertical="center" wrapText="1"/>
    </xf>
    <xf numFmtId="0" fontId="9" fillId="0" borderId="26" xfId="0" applyFont="1" applyBorder="1" applyAlignment="1">
      <alignment horizontal="center" vertical="center" wrapText="1"/>
    </xf>
    <xf numFmtId="177" fontId="10" fillId="3" borderId="29" xfId="0" applyNumberFormat="1" applyFont="1" applyFill="1" applyBorder="1" applyAlignment="1">
      <alignment horizontal="center" vertical="center" shrinkToFit="1"/>
    </xf>
    <xf numFmtId="177" fontId="10" fillId="3" borderId="30" xfId="0" applyNumberFormat="1" applyFont="1" applyFill="1" applyBorder="1" applyAlignment="1">
      <alignment horizontal="center" vertical="center" shrinkToFit="1"/>
    </xf>
    <xf numFmtId="177" fontId="10" fillId="3" borderId="31" xfId="0" applyNumberFormat="1" applyFont="1" applyFill="1" applyBorder="1" applyAlignment="1">
      <alignment horizontal="center" vertical="center" shrinkToFit="1"/>
    </xf>
    <xf numFmtId="0" fontId="11" fillId="3" borderId="29" xfId="0" applyFont="1" applyFill="1" applyBorder="1" applyAlignment="1">
      <alignment horizontal="left" vertical="center"/>
    </xf>
    <xf numFmtId="0" fontId="11" fillId="3" borderId="30" xfId="0" applyFont="1" applyFill="1" applyBorder="1" applyAlignment="1">
      <alignment horizontal="left" vertical="center"/>
    </xf>
    <xf numFmtId="0" fontId="11" fillId="3" borderId="53" xfId="0" applyFont="1" applyFill="1" applyBorder="1" applyAlignment="1">
      <alignment horizontal="left" vertical="center"/>
    </xf>
    <xf numFmtId="0" fontId="12" fillId="3" borderId="38" xfId="0" applyFont="1" applyFill="1" applyBorder="1" applyAlignment="1">
      <alignment horizontal="center" vertical="center" wrapText="1"/>
    </xf>
    <xf numFmtId="0" fontId="12" fillId="3" borderId="9" xfId="0" applyFont="1" applyFill="1" applyBorder="1" applyAlignment="1">
      <alignment horizontal="center" vertical="center" wrapText="1"/>
    </xf>
    <xf numFmtId="0" fontId="12" fillId="3" borderId="39" xfId="0" applyFont="1" applyFill="1" applyBorder="1" applyAlignment="1">
      <alignment horizontal="center" vertical="center" wrapText="1"/>
    </xf>
    <xf numFmtId="0" fontId="12" fillId="3" borderId="43" xfId="0" applyFont="1" applyFill="1" applyBorder="1" applyAlignment="1">
      <alignment horizontal="center" vertical="center" wrapText="1"/>
    </xf>
    <xf numFmtId="0" fontId="12" fillId="3" borderId="44" xfId="0" applyFont="1" applyFill="1" applyBorder="1" applyAlignment="1">
      <alignment horizontal="center" vertical="center" wrapText="1"/>
    </xf>
    <xf numFmtId="0" fontId="12" fillId="3" borderId="45" xfId="0" applyFont="1" applyFill="1" applyBorder="1" applyAlignment="1">
      <alignment horizontal="center" vertical="center" wrapText="1"/>
    </xf>
    <xf numFmtId="176" fontId="10" fillId="3" borderId="0" xfId="0" applyNumberFormat="1" applyFont="1" applyFill="1" applyBorder="1" applyAlignment="1">
      <alignment horizontal="center" vertical="center" shrinkToFit="1"/>
    </xf>
    <xf numFmtId="0" fontId="23" fillId="0" borderId="35" xfId="0" applyFont="1" applyFill="1" applyBorder="1" applyAlignment="1" applyProtection="1">
      <alignment horizontal="left" vertical="center"/>
    </xf>
    <xf numFmtId="0" fontId="23" fillId="0" borderId="36" xfId="0" applyFont="1" applyFill="1" applyBorder="1" applyAlignment="1" applyProtection="1">
      <alignment horizontal="left" vertical="center"/>
    </xf>
    <xf numFmtId="0" fontId="23" fillId="0" borderId="62" xfId="0" applyFont="1" applyFill="1" applyBorder="1" applyAlignment="1" applyProtection="1">
      <alignment horizontal="left" vertical="center"/>
    </xf>
    <xf numFmtId="0" fontId="21" fillId="7" borderId="0" xfId="0" applyFont="1" applyFill="1" applyBorder="1" applyAlignment="1" applyProtection="1">
      <alignment horizontal="center" vertical="center"/>
    </xf>
    <xf numFmtId="0" fontId="26" fillId="7" borderId="0" xfId="0" applyFont="1" applyFill="1" applyBorder="1" applyAlignment="1" applyProtection="1">
      <alignment horizontal="left" vertical="center" wrapText="1"/>
    </xf>
    <xf numFmtId="0" fontId="24" fillId="7" borderId="0" xfId="0" applyFont="1" applyFill="1" applyBorder="1" applyAlignment="1" applyProtection="1">
      <alignment horizontal="left" vertical="center" shrinkToFit="1"/>
    </xf>
    <xf numFmtId="0" fontId="23" fillId="7" borderId="0" xfId="0" applyFont="1" applyFill="1" applyBorder="1" applyAlignment="1" applyProtection="1">
      <alignment horizontal="center" vertical="center" shrinkToFit="1"/>
    </xf>
    <xf numFmtId="58" fontId="23" fillId="7" borderId="0" xfId="0" applyNumberFormat="1" applyFont="1" applyFill="1" applyBorder="1" applyAlignment="1" applyProtection="1">
      <alignment horizontal="center" vertical="center" shrinkToFit="1"/>
    </xf>
    <xf numFmtId="0" fontId="23" fillId="0" borderId="40" xfId="0" applyFont="1" applyFill="1" applyBorder="1" applyAlignment="1" applyProtection="1">
      <alignment horizontal="left" vertical="center" wrapText="1"/>
    </xf>
    <xf numFmtId="0" fontId="23" fillId="0" borderId="41" xfId="0" applyFont="1" applyFill="1" applyBorder="1" applyAlignment="1" applyProtection="1">
      <alignment horizontal="left" vertical="center" wrapText="1"/>
    </xf>
    <xf numFmtId="0" fontId="23" fillId="0" borderId="52" xfId="0" applyFont="1" applyFill="1" applyBorder="1" applyAlignment="1" applyProtection="1">
      <alignment horizontal="center" vertical="center"/>
    </xf>
    <xf numFmtId="0" fontId="23" fillId="0" borderId="50" xfId="0" applyFont="1" applyFill="1" applyBorder="1" applyAlignment="1" applyProtection="1">
      <alignment horizontal="center" vertical="center"/>
    </xf>
    <xf numFmtId="0" fontId="23" fillId="0" borderId="51" xfId="0" applyFont="1" applyFill="1" applyBorder="1" applyAlignment="1" applyProtection="1">
      <alignment horizontal="center" vertical="center"/>
    </xf>
    <xf numFmtId="0" fontId="23" fillId="7" borderId="0" xfId="0" applyFont="1" applyFill="1" applyBorder="1" applyAlignment="1" applyProtection="1">
      <alignment horizontal="left" vertical="top" wrapText="1"/>
    </xf>
    <xf numFmtId="0" fontId="24" fillId="0" borderId="0" xfId="0" applyFont="1" applyAlignment="1">
      <alignment horizontal="left"/>
    </xf>
    <xf numFmtId="0" fontId="28" fillId="0" borderId="63" xfId="0" applyFont="1" applyFill="1" applyBorder="1" applyAlignment="1">
      <alignment horizontal="center" vertical="center" wrapText="1"/>
    </xf>
    <xf numFmtId="0" fontId="28" fillId="0" borderId="64" xfId="0" applyFont="1" applyFill="1" applyBorder="1" applyAlignment="1">
      <alignment horizontal="center" vertical="center" wrapText="1"/>
    </xf>
    <xf numFmtId="0" fontId="28" fillId="0" borderId="65" xfId="0" applyFont="1" applyFill="1" applyBorder="1" applyAlignment="1">
      <alignment horizontal="center" vertical="center" wrapText="1"/>
    </xf>
    <xf numFmtId="0" fontId="28" fillId="7" borderId="40" xfId="0" applyFont="1" applyFill="1" applyBorder="1" applyAlignment="1">
      <alignment horizontal="center" vertical="center" wrapText="1"/>
    </xf>
    <xf numFmtId="0" fontId="28" fillId="7" borderId="41" xfId="0" applyFont="1" applyFill="1" applyBorder="1" applyAlignment="1">
      <alignment horizontal="center" vertical="center" wrapText="1"/>
    </xf>
    <xf numFmtId="0" fontId="28" fillId="7" borderId="71" xfId="0" applyFont="1" applyFill="1" applyBorder="1" applyAlignment="1">
      <alignment horizontal="center" vertical="center" wrapText="1"/>
    </xf>
    <xf numFmtId="0" fontId="28" fillId="7" borderId="66" xfId="0" applyFont="1" applyFill="1" applyBorder="1" applyAlignment="1">
      <alignment horizontal="center" vertical="center" wrapText="1"/>
    </xf>
    <xf numFmtId="0" fontId="28" fillId="7" borderId="67" xfId="0" applyFont="1" applyFill="1" applyBorder="1" applyAlignment="1">
      <alignment horizontal="center" vertical="center" wrapText="1"/>
    </xf>
    <xf numFmtId="0" fontId="28" fillId="7" borderId="68" xfId="0" applyFont="1" applyFill="1" applyBorder="1" applyAlignment="1">
      <alignment horizontal="center" vertical="center" wrapText="1"/>
    </xf>
    <xf numFmtId="0" fontId="28" fillId="7" borderId="69" xfId="0" applyFont="1" applyFill="1" applyBorder="1" applyAlignment="1">
      <alignment horizontal="center" vertical="center" wrapText="1"/>
    </xf>
    <xf numFmtId="0" fontId="28" fillId="7" borderId="27" xfId="0" applyFont="1" applyFill="1" applyBorder="1" applyAlignment="1">
      <alignment horizontal="center" vertical="center" wrapText="1"/>
    </xf>
    <xf numFmtId="0" fontId="28" fillId="7" borderId="70" xfId="0" applyFont="1" applyFill="1" applyBorder="1" applyAlignment="1">
      <alignment horizontal="center" vertical="center" wrapText="1"/>
    </xf>
    <xf numFmtId="181" fontId="30" fillId="0" borderId="3" xfId="0" applyNumberFormat="1" applyFont="1" applyBorder="1" applyAlignment="1">
      <alignment horizontal="right" vertical="center"/>
    </xf>
    <xf numFmtId="0" fontId="12" fillId="8" borderId="23" xfId="0" applyFont="1" applyFill="1" applyBorder="1" applyAlignment="1">
      <alignment horizontal="center" vertical="center"/>
    </xf>
    <xf numFmtId="0" fontId="12" fillId="8" borderId="24" xfId="0" applyFont="1" applyFill="1" applyBorder="1" applyAlignment="1">
      <alignment horizontal="center" vertical="center"/>
    </xf>
    <xf numFmtId="0" fontId="12" fillId="8" borderId="25" xfId="0" applyFont="1" applyFill="1" applyBorder="1" applyAlignment="1">
      <alignment horizontal="center" vertical="center"/>
    </xf>
    <xf numFmtId="0" fontId="12" fillId="5" borderId="27" xfId="0" applyFont="1" applyFill="1" applyBorder="1" applyAlignment="1">
      <alignment horizontal="center" vertical="center"/>
    </xf>
    <xf numFmtId="0" fontId="12" fillId="6" borderId="23" xfId="0" applyFont="1" applyFill="1" applyBorder="1" applyAlignment="1">
      <alignment horizontal="center" vertical="center"/>
    </xf>
    <xf numFmtId="0" fontId="12" fillId="6" borderId="25" xfId="0" applyFont="1" applyFill="1" applyBorder="1" applyAlignment="1">
      <alignment horizontal="center" vertical="center"/>
    </xf>
    <xf numFmtId="0" fontId="12" fillId="4" borderId="27" xfId="0"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2</xdr:row>
          <xdr:rowOff>0</xdr:rowOff>
        </xdr:from>
        <xdr:to>
          <xdr:col>1</xdr:col>
          <xdr:colOff>121920</xdr:colOff>
          <xdr:row>2</xdr:row>
          <xdr:rowOff>381000</xdr:rowOff>
        </xdr:to>
        <xdr:sp macro="" textlink="">
          <xdr:nvSpPr>
            <xdr:cNvPr id="5121" name="Check Box 1" hidden="1">
              <a:extLst>
                <a:ext uri="{63B3BB69-23CF-44E3-9099-C40C66FF867C}">
                  <a14:compatExt spid="_x0000_s5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52400</xdr:colOff>
          <xdr:row>5</xdr:row>
          <xdr:rowOff>83820</xdr:rowOff>
        </xdr:from>
        <xdr:to>
          <xdr:col>27</xdr:col>
          <xdr:colOff>68580</xdr:colOff>
          <xdr:row>5</xdr:row>
          <xdr:rowOff>464820</xdr:rowOff>
        </xdr:to>
        <xdr:sp macro="" textlink="">
          <xdr:nvSpPr>
            <xdr:cNvPr id="5122" name="Check Box 2" hidden="1">
              <a:extLst>
                <a:ext uri="{63B3BB69-23CF-44E3-9099-C40C66FF867C}">
                  <a14:compatExt spid="_x0000_s5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0020</xdr:colOff>
          <xdr:row>5</xdr:row>
          <xdr:rowOff>68580</xdr:rowOff>
        </xdr:from>
        <xdr:to>
          <xdr:col>30</xdr:col>
          <xdr:colOff>83820</xdr:colOff>
          <xdr:row>5</xdr:row>
          <xdr:rowOff>449580</xdr:rowOff>
        </xdr:to>
        <xdr:sp macro="" textlink="">
          <xdr:nvSpPr>
            <xdr:cNvPr id="5123" name="Check Box 3" hidden="1">
              <a:extLst>
                <a:ext uri="{63B3BB69-23CF-44E3-9099-C40C66FF867C}">
                  <a14:compatExt spid="_x0000_s5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7</xdr:col>
      <xdr:colOff>266700</xdr:colOff>
      <xdr:row>0</xdr:row>
      <xdr:rowOff>47625</xdr:rowOff>
    </xdr:from>
    <xdr:to>
      <xdr:col>15</xdr:col>
      <xdr:colOff>28575</xdr:colOff>
      <xdr:row>2</xdr:row>
      <xdr:rowOff>304801</xdr:rowOff>
    </xdr:to>
    <xdr:grpSp>
      <xdr:nvGrpSpPr>
        <xdr:cNvPr id="5" name="グループ化 4"/>
        <xdr:cNvGrpSpPr/>
      </xdr:nvGrpSpPr>
      <xdr:grpSpPr>
        <a:xfrm>
          <a:off x="1999876" y="47625"/>
          <a:ext cx="2010523" cy="660588"/>
          <a:chOff x="6315075" y="114300"/>
          <a:chExt cx="2019300" cy="638176"/>
        </a:xfrm>
      </xdr:grpSpPr>
      <xdr:sp macro="" textlink="">
        <xdr:nvSpPr>
          <xdr:cNvPr id="4" name="四角形吹き出し 3"/>
          <xdr:cNvSpPr/>
        </xdr:nvSpPr>
        <xdr:spPr>
          <a:xfrm>
            <a:off x="6315075" y="114300"/>
            <a:ext cx="2019300" cy="638176"/>
          </a:xfrm>
          <a:prstGeom prst="wedgeRectCallout">
            <a:avLst>
              <a:gd name="adj1" fmla="val 47092"/>
              <a:gd name="adj2" fmla="val 91807"/>
            </a:avLst>
          </a:prstGeom>
          <a:solidFill>
            <a:schemeClr val="bg1"/>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endParaRPr kumimoji="1" lang="en-US" altLang="ja-JP" sz="1100">
              <a:solidFill>
                <a:sysClr val="windowText" lastClr="000000"/>
              </a:solidFill>
            </a:endParaRPr>
          </a:p>
          <a:p>
            <a:pPr algn="l"/>
            <a:r>
              <a:rPr kumimoji="1" lang="ja-JP" altLang="en-US" sz="1100" b="1">
                <a:solidFill>
                  <a:sysClr val="windowText" lastClr="000000"/>
                </a:solidFill>
              </a:rPr>
              <a:t>青い枠の中に入力してください。</a:t>
            </a:r>
          </a:p>
        </xdr:txBody>
      </xdr:sp>
      <xdr:sp macro="" textlink="">
        <xdr:nvSpPr>
          <xdr:cNvPr id="3" name="正方形/長方形 2"/>
          <xdr:cNvSpPr/>
        </xdr:nvSpPr>
        <xdr:spPr>
          <a:xfrm>
            <a:off x="6429375" y="190500"/>
            <a:ext cx="409575" cy="209550"/>
          </a:xfrm>
          <a:prstGeom prst="rect">
            <a:avLst/>
          </a:prstGeom>
          <a:solidFill>
            <a:schemeClr val="accent1">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01"/>
  <sheetViews>
    <sheetView showGridLines="0" view="pageBreakPreview" topLeftCell="A22" zoomScale="60" zoomScaleNormal="100" workbookViewId="0">
      <selection activeCell="G97" sqref="G97:J97"/>
    </sheetView>
  </sheetViews>
  <sheetFormatPr defaultRowHeight="14.4"/>
  <cols>
    <col min="1" max="1" width="1" customWidth="1"/>
    <col min="2" max="11" width="3.59765625" customWidth="1"/>
    <col min="12" max="12" width="4.59765625" customWidth="1"/>
    <col min="13" max="13" width="3.59765625" customWidth="1"/>
    <col min="14" max="14" width="3.09765625" customWidth="1"/>
    <col min="15" max="20" width="3.59765625" customWidth="1"/>
    <col min="21" max="21" width="4.19921875" customWidth="1"/>
    <col min="22" max="23" width="3.59765625" customWidth="1"/>
    <col min="24" max="24" width="1.3984375" customWidth="1"/>
    <col min="25" max="25" width="3.59765625" customWidth="1"/>
    <col min="26" max="26" width="11.09765625" customWidth="1"/>
  </cols>
  <sheetData>
    <row r="1" spans="2:28" ht="15.6" customHeight="1">
      <c r="B1" s="2" t="s">
        <v>4</v>
      </c>
      <c r="C1" s="2"/>
      <c r="D1" s="2"/>
      <c r="E1" s="2"/>
      <c r="F1" s="2"/>
      <c r="G1" s="2"/>
      <c r="H1" s="2"/>
      <c r="I1" s="2"/>
      <c r="J1" s="2"/>
      <c r="K1" s="2"/>
    </row>
    <row r="2" spans="2:28" ht="15.6" customHeight="1" thickBot="1">
      <c r="B2" s="2"/>
      <c r="C2" s="2"/>
      <c r="D2" s="2"/>
      <c r="E2" s="2"/>
      <c r="F2" s="2"/>
      <c r="G2" s="2"/>
      <c r="H2" s="2"/>
      <c r="I2" s="2"/>
      <c r="J2" s="2"/>
      <c r="K2" s="2"/>
      <c r="Q2" s="102">
        <v>45931</v>
      </c>
      <c r="R2" s="102"/>
      <c r="S2" s="102"/>
      <c r="T2" s="102"/>
      <c r="U2" s="102"/>
      <c r="V2" s="102"/>
      <c r="W2" s="102"/>
      <c r="Z2" s="66"/>
    </row>
    <row r="3" spans="2:28" ht="37.5" customHeight="1">
      <c r="B3" s="141" t="s">
        <v>0</v>
      </c>
      <c r="C3" s="141"/>
      <c r="D3" s="141"/>
      <c r="E3" s="141"/>
      <c r="F3" s="141"/>
      <c r="G3" s="141"/>
      <c r="H3" s="141"/>
      <c r="I3" s="141"/>
      <c r="J3" s="135" t="s">
        <v>55</v>
      </c>
      <c r="K3" s="136"/>
      <c r="L3" s="136"/>
      <c r="M3" s="139" t="s">
        <v>56</v>
      </c>
      <c r="N3" s="139"/>
      <c r="O3" s="150"/>
      <c r="P3" s="151"/>
      <c r="Q3" s="151"/>
      <c r="R3" s="151"/>
      <c r="S3" s="151"/>
      <c r="T3" s="151"/>
      <c r="U3" s="151"/>
      <c r="V3" s="151"/>
      <c r="W3" s="152"/>
    </row>
    <row r="4" spans="2:28" ht="37.5" customHeight="1" thickBot="1">
      <c r="B4" s="18"/>
      <c r="C4" s="18"/>
      <c r="D4" s="18"/>
      <c r="E4" s="18"/>
      <c r="F4" s="18"/>
      <c r="G4" s="18"/>
      <c r="H4" s="18"/>
      <c r="I4" s="18"/>
      <c r="J4" s="137"/>
      <c r="K4" s="138"/>
      <c r="L4" s="138"/>
      <c r="M4" s="140" t="s">
        <v>57</v>
      </c>
      <c r="N4" s="140"/>
      <c r="O4" s="153"/>
      <c r="P4" s="154"/>
      <c r="Q4" s="154"/>
      <c r="R4" s="154"/>
      <c r="S4" s="154"/>
      <c r="T4" s="154"/>
      <c r="U4" s="154"/>
      <c r="V4" s="154"/>
      <c r="W4" s="155"/>
    </row>
    <row r="5" spans="2:28" ht="15.6" customHeight="1">
      <c r="B5" s="225" t="s">
        <v>5</v>
      </c>
      <c r="C5" s="226"/>
      <c r="D5" s="226"/>
      <c r="E5" s="227"/>
      <c r="F5" s="228"/>
      <c r="G5" s="228"/>
      <c r="H5" s="228"/>
      <c r="I5" s="228"/>
      <c r="J5" s="229"/>
      <c r="K5" s="229"/>
      <c r="L5" s="229"/>
      <c r="M5" s="207" t="s">
        <v>6</v>
      </c>
      <c r="N5" s="181"/>
      <c r="O5" s="181"/>
      <c r="P5" s="182"/>
      <c r="Q5" s="28"/>
      <c r="R5" s="29"/>
      <c r="S5" s="29"/>
      <c r="T5" s="27"/>
      <c r="U5" s="27"/>
      <c r="V5" s="27"/>
      <c r="W5" s="6"/>
      <c r="AB5" s="66"/>
    </row>
    <row r="6" spans="2:28" ht="15.6" customHeight="1">
      <c r="B6" s="180" t="s">
        <v>7</v>
      </c>
      <c r="C6" s="181"/>
      <c r="D6" s="181"/>
      <c r="E6" s="182"/>
      <c r="F6" s="208"/>
      <c r="G6" s="208"/>
      <c r="H6" s="208"/>
      <c r="I6" s="208"/>
      <c r="J6" s="208"/>
      <c r="K6" s="208"/>
      <c r="L6" s="208"/>
      <c r="M6" s="207"/>
      <c r="N6" s="181"/>
      <c r="O6" s="181"/>
      <c r="P6" s="182"/>
      <c r="Q6" s="3"/>
      <c r="R6" s="132" t="s">
        <v>106</v>
      </c>
      <c r="S6" s="132"/>
      <c r="T6" s="132"/>
      <c r="U6" s="132"/>
      <c r="V6" s="132"/>
      <c r="W6" s="4" t="s">
        <v>9</v>
      </c>
    </row>
    <row r="7" spans="2:28" ht="15.6" customHeight="1">
      <c r="B7" s="180"/>
      <c r="C7" s="181"/>
      <c r="D7" s="181"/>
      <c r="E7" s="182"/>
      <c r="F7" s="209"/>
      <c r="G7" s="209"/>
      <c r="H7" s="209"/>
      <c r="I7" s="209"/>
      <c r="J7" s="209"/>
      <c r="K7" s="209"/>
      <c r="L7" s="209"/>
      <c r="M7" s="207"/>
      <c r="N7" s="181"/>
      <c r="O7" s="181"/>
      <c r="P7" s="182"/>
      <c r="Q7" s="5"/>
      <c r="R7" s="19" t="s">
        <v>10</v>
      </c>
      <c r="S7" s="224" t="str">
        <f>IF(ISERROR(DATEDIF(R6,$Q$2,"Y")),"",DATEDIF(R6,$Q$2,"Y"))</f>
        <v/>
      </c>
      <c r="T7" s="224"/>
      <c r="U7" s="20" t="s">
        <v>11</v>
      </c>
      <c r="V7" s="20" t="s">
        <v>12</v>
      </c>
      <c r="W7" s="6"/>
    </row>
    <row r="8" spans="2:28" ht="15.6" customHeight="1">
      <c r="B8" s="145" t="s">
        <v>13</v>
      </c>
      <c r="C8" s="146"/>
      <c r="D8" s="146"/>
      <c r="E8" s="147"/>
      <c r="F8" s="7"/>
      <c r="G8" s="8" t="s">
        <v>10</v>
      </c>
      <c r="H8" s="200"/>
      <c r="I8" s="200"/>
      <c r="J8" s="200"/>
      <c r="K8" s="8" t="s">
        <v>12</v>
      </c>
      <c r="L8" s="9"/>
      <c r="M8" s="222"/>
      <c r="N8" s="184"/>
      <c r="O8" s="184"/>
      <c r="P8" s="185"/>
      <c r="Q8" s="10"/>
      <c r="R8" s="11"/>
      <c r="S8" s="130"/>
      <c r="T8" s="130"/>
      <c r="U8" s="12"/>
      <c r="V8" s="12"/>
      <c r="W8" s="13"/>
    </row>
    <row r="9" spans="2:28" ht="15.6" customHeight="1">
      <c r="B9" s="142" t="s">
        <v>54</v>
      </c>
      <c r="C9" s="143"/>
      <c r="D9" s="143"/>
      <c r="E9" s="144"/>
      <c r="F9" s="133"/>
      <c r="G9" s="109"/>
      <c r="H9" s="109"/>
      <c r="I9" s="109"/>
      <c r="J9" s="109"/>
      <c r="K9" s="109"/>
      <c r="L9" s="109"/>
      <c r="M9" s="109"/>
      <c r="N9" s="109"/>
      <c r="O9" s="109"/>
      <c r="P9" s="109"/>
      <c r="Q9" s="109"/>
      <c r="R9" s="109"/>
      <c r="S9" s="109"/>
      <c r="T9" s="109"/>
      <c r="U9" s="109"/>
      <c r="V9" s="109"/>
      <c r="W9" s="148"/>
    </row>
    <row r="10" spans="2:28" ht="15.6" customHeight="1">
      <c r="B10" s="145"/>
      <c r="C10" s="146"/>
      <c r="D10" s="146"/>
      <c r="E10" s="147"/>
      <c r="F10" s="134"/>
      <c r="G10" s="111"/>
      <c r="H10" s="111"/>
      <c r="I10" s="111"/>
      <c r="J10" s="111"/>
      <c r="K10" s="111"/>
      <c r="L10" s="111"/>
      <c r="M10" s="111"/>
      <c r="N10" s="111"/>
      <c r="O10" s="111"/>
      <c r="P10" s="111"/>
      <c r="Q10" s="111"/>
      <c r="R10" s="111"/>
      <c r="S10" s="111"/>
      <c r="T10" s="111"/>
      <c r="U10" s="111"/>
      <c r="V10" s="111"/>
      <c r="W10" s="149"/>
    </row>
    <row r="11" spans="2:28" ht="15.6" customHeight="1">
      <c r="B11" s="177" t="s">
        <v>1</v>
      </c>
      <c r="C11" s="178"/>
      <c r="D11" s="178"/>
      <c r="E11" s="179"/>
      <c r="F11" s="189"/>
      <c r="G11" s="189"/>
      <c r="H11" s="189"/>
      <c r="I11" s="189"/>
      <c r="J11" s="189"/>
      <c r="K11" s="189"/>
      <c r="L11" s="189"/>
      <c r="M11" s="191" t="s">
        <v>89</v>
      </c>
      <c r="N11" s="192"/>
      <c r="O11" s="192"/>
      <c r="P11" s="193"/>
      <c r="Q11" s="120"/>
      <c r="R11" s="121"/>
      <c r="S11" s="116" t="s">
        <v>8</v>
      </c>
      <c r="T11" s="118"/>
      <c r="U11" s="118"/>
      <c r="V11" s="174" t="s">
        <v>14</v>
      </c>
      <c r="W11" s="197" t="s">
        <v>15</v>
      </c>
    </row>
    <row r="12" spans="2:28" ht="15.6" customHeight="1">
      <c r="B12" s="183"/>
      <c r="C12" s="184"/>
      <c r="D12" s="184"/>
      <c r="E12" s="185"/>
      <c r="F12" s="190"/>
      <c r="G12" s="190"/>
      <c r="H12" s="190"/>
      <c r="I12" s="190"/>
      <c r="J12" s="190"/>
      <c r="K12" s="190"/>
      <c r="L12" s="190"/>
      <c r="M12" s="194"/>
      <c r="N12" s="195"/>
      <c r="O12" s="195"/>
      <c r="P12" s="196"/>
      <c r="Q12" s="122"/>
      <c r="R12" s="123"/>
      <c r="S12" s="117"/>
      <c r="T12" s="119"/>
      <c r="U12" s="119"/>
      <c r="V12" s="175"/>
      <c r="W12" s="198"/>
    </row>
    <row r="13" spans="2:28" ht="92.25" customHeight="1">
      <c r="B13" s="158" t="s">
        <v>58</v>
      </c>
      <c r="C13" s="159"/>
      <c r="D13" s="159"/>
      <c r="E13" s="160"/>
      <c r="F13" s="127"/>
      <c r="G13" s="128"/>
      <c r="H13" s="128"/>
      <c r="I13" s="128"/>
      <c r="J13" s="128"/>
      <c r="K13" s="128"/>
      <c r="L13" s="128"/>
      <c r="M13" s="128"/>
      <c r="N13" s="128"/>
      <c r="O13" s="128"/>
      <c r="P13" s="128"/>
      <c r="Q13" s="128"/>
      <c r="R13" s="128"/>
      <c r="S13" s="128"/>
      <c r="T13" s="128"/>
      <c r="U13" s="128"/>
      <c r="V13" s="128"/>
      <c r="W13" s="129"/>
    </row>
    <row r="14" spans="2:28" ht="36.75" customHeight="1">
      <c r="B14" s="177" t="s">
        <v>59</v>
      </c>
      <c r="C14" s="178"/>
      <c r="D14" s="178"/>
      <c r="E14" s="179"/>
      <c r="F14" s="133"/>
      <c r="G14" s="109"/>
      <c r="H14" s="109"/>
      <c r="I14" s="109"/>
      <c r="J14" s="109"/>
      <c r="K14" s="109"/>
      <c r="L14" s="109"/>
      <c r="M14" s="109"/>
      <c r="N14" s="109"/>
      <c r="O14" s="109"/>
      <c r="P14" s="109"/>
      <c r="Q14" s="109"/>
      <c r="R14" s="109"/>
      <c r="S14" s="109"/>
      <c r="T14" s="109"/>
      <c r="U14" s="109"/>
      <c r="V14" s="109"/>
      <c r="W14" s="148"/>
    </row>
    <row r="15" spans="2:28" ht="36.75" customHeight="1">
      <c r="B15" s="180"/>
      <c r="C15" s="181"/>
      <c r="D15" s="181"/>
      <c r="E15" s="182"/>
      <c r="F15" s="186"/>
      <c r="G15" s="187"/>
      <c r="H15" s="187"/>
      <c r="I15" s="187"/>
      <c r="J15" s="187"/>
      <c r="K15" s="187"/>
      <c r="L15" s="187"/>
      <c r="M15" s="187"/>
      <c r="N15" s="187"/>
      <c r="O15" s="187"/>
      <c r="P15" s="187"/>
      <c r="Q15" s="187"/>
      <c r="R15" s="187"/>
      <c r="S15" s="187"/>
      <c r="T15" s="187"/>
      <c r="U15" s="187"/>
      <c r="V15" s="187"/>
      <c r="W15" s="188"/>
    </row>
    <row r="16" spans="2:28" ht="36.75" customHeight="1">
      <c r="B16" s="180"/>
      <c r="C16" s="181"/>
      <c r="D16" s="181"/>
      <c r="E16" s="182"/>
      <c r="F16" s="186"/>
      <c r="G16" s="187"/>
      <c r="H16" s="187"/>
      <c r="I16" s="187"/>
      <c r="J16" s="187"/>
      <c r="K16" s="187"/>
      <c r="L16" s="187"/>
      <c r="M16" s="187"/>
      <c r="N16" s="187"/>
      <c r="O16" s="187"/>
      <c r="P16" s="187"/>
      <c r="Q16" s="187"/>
      <c r="R16" s="187"/>
      <c r="S16" s="187"/>
      <c r="T16" s="187"/>
      <c r="U16" s="187"/>
      <c r="V16" s="187"/>
      <c r="W16" s="188"/>
    </row>
    <row r="17" spans="2:23" ht="36.75" customHeight="1">
      <c r="B17" s="180"/>
      <c r="C17" s="181"/>
      <c r="D17" s="181"/>
      <c r="E17" s="182"/>
      <c r="F17" s="186"/>
      <c r="G17" s="187"/>
      <c r="H17" s="187"/>
      <c r="I17" s="187"/>
      <c r="J17" s="187"/>
      <c r="K17" s="187"/>
      <c r="L17" s="187"/>
      <c r="M17" s="187"/>
      <c r="N17" s="187"/>
      <c r="O17" s="187"/>
      <c r="P17" s="187"/>
      <c r="Q17" s="187"/>
      <c r="R17" s="187"/>
      <c r="S17" s="187"/>
      <c r="T17" s="187"/>
      <c r="U17" s="187"/>
      <c r="V17" s="187"/>
      <c r="W17" s="188"/>
    </row>
    <row r="18" spans="2:23" ht="36.75" customHeight="1">
      <c r="B18" s="180"/>
      <c r="C18" s="181"/>
      <c r="D18" s="181"/>
      <c r="E18" s="182"/>
      <c r="F18" s="186"/>
      <c r="G18" s="187"/>
      <c r="H18" s="187"/>
      <c r="I18" s="187"/>
      <c r="J18" s="187"/>
      <c r="K18" s="187"/>
      <c r="L18" s="187"/>
      <c r="M18" s="187"/>
      <c r="N18" s="187"/>
      <c r="O18" s="187"/>
      <c r="P18" s="187"/>
      <c r="Q18" s="187"/>
      <c r="R18" s="187"/>
      <c r="S18" s="187"/>
      <c r="T18" s="187"/>
      <c r="U18" s="187"/>
      <c r="V18" s="187"/>
      <c r="W18" s="188"/>
    </row>
    <row r="19" spans="2:23" ht="36.75" customHeight="1">
      <c r="B19" s="180"/>
      <c r="C19" s="181"/>
      <c r="D19" s="181"/>
      <c r="E19" s="182"/>
      <c r="F19" s="186"/>
      <c r="G19" s="187"/>
      <c r="H19" s="187"/>
      <c r="I19" s="187"/>
      <c r="J19" s="187"/>
      <c r="K19" s="187"/>
      <c r="L19" s="187"/>
      <c r="M19" s="187"/>
      <c r="N19" s="187"/>
      <c r="O19" s="187"/>
      <c r="P19" s="187"/>
      <c r="Q19" s="187"/>
      <c r="R19" s="187"/>
      <c r="S19" s="187"/>
      <c r="T19" s="187"/>
      <c r="U19" s="187"/>
      <c r="V19" s="187"/>
      <c r="W19" s="188"/>
    </row>
    <row r="20" spans="2:23" ht="36.75" customHeight="1">
      <c r="B20" s="180"/>
      <c r="C20" s="181"/>
      <c r="D20" s="181"/>
      <c r="E20" s="182"/>
      <c r="F20" s="186"/>
      <c r="G20" s="187"/>
      <c r="H20" s="187"/>
      <c r="I20" s="187"/>
      <c r="J20" s="187"/>
      <c r="K20" s="187"/>
      <c r="L20" s="187"/>
      <c r="M20" s="187"/>
      <c r="N20" s="187"/>
      <c r="O20" s="187"/>
      <c r="P20" s="187"/>
      <c r="Q20" s="187"/>
      <c r="R20" s="187"/>
      <c r="S20" s="187"/>
      <c r="T20" s="187"/>
      <c r="U20" s="187"/>
      <c r="V20" s="187"/>
      <c r="W20" s="188"/>
    </row>
    <row r="21" spans="2:23" ht="36.75" customHeight="1">
      <c r="B21" s="183"/>
      <c r="C21" s="184"/>
      <c r="D21" s="184"/>
      <c r="E21" s="185"/>
      <c r="F21" s="134"/>
      <c r="G21" s="111"/>
      <c r="H21" s="111"/>
      <c r="I21" s="111"/>
      <c r="J21" s="111"/>
      <c r="K21" s="111"/>
      <c r="L21" s="111"/>
      <c r="M21" s="111"/>
      <c r="N21" s="111"/>
      <c r="O21" s="111"/>
      <c r="P21" s="111"/>
      <c r="Q21" s="111"/>
      <c r="R21" s="111"/>
      <c r="S21" s="111"/>
      <c r="T21" s="111"/>
      <c r="U21" s="111"/>
      <c r="V21" s="111"/>
      <c r="W21" s="149"/>
    </row>
    <row r="22" spans="2:23" ht="15.6" customHeight="1">
      <c r="B22" s="177" t="s">
        <v>2</v>
      </c>
      <c r="C22" s="178"/>
      <c r="D22" s="178"/>
      <c r="E22" s="179"/>
      <c r="F22" s="164" t="s">
        <v>23</v>
      </c>
      <c r="G22" s="165"/>
      <c r="H22" s="165"/>
      <c r="I22" s="165"/>
      <c r="J22" s="173"/>
      <c r="K22" s="164" t="s">
        <v>24</v>
      </c>
      <c r="L22" s="165"/>
      <c r="M22" s="165"/>
      <c r="N22" s="165"/>
      <c r="O22" s="165"/>
      <c r="P22" s="165"/>
      <c r="Q22" s="165"/>
      <c r="R22" s="165"/>
      <c r="S22" s="165"/>
      <c r="T22" s="165"/>
      <c r="U22" s="165"/>
      <c r="V22" s="165"/>
      <c r="W22" s="166"/>
    </row>
    <row r="23" spans="2:23" ht="15.6" customHeight="1">
      <c r="B23" s="180"/>
      <c r="C23" s="181"/>
      <c r="D23" s="181"/>
      <c r="E23" s="182"/>
      <c r="F23" s="210" t="s">
        <v>107</v>
      </c>
      <c r="G23" s="211"/>
      <c r="H23" s="211"/>
      <c r="I23" s="211"/>
      <c r="J23" s="212"/>
      <c r="K23" s="167"/>
      <c r="L23" s="168"/>
      <c r="M23" s="168"/>
      <c r="N23" s="168"/>
      <c r="O23" s="168"/>
      <c r="P23" s="168"/>
      <c r="Q23" s="168"/>
      <c r="R23" s="168"/>
      <c r="S23" s="168"/>
      <c r="T23" s="168"/>
      <c r="U23" s="168"/>
      <c r="V23" s="168"/>
      <c r="W23" s="169"/>
    </row>
    <row r="24" spans="2:23" ht="15.6" customHeight="1">
      <c r="B24" s="180"/>
      <c r="C24" s="181"/>
      <c r="D24" s="181"/>
      <c r="E24" s="182"/>
      <c r="F24" s="213" t="s">
        <v>78</v>
      </c>
      <c r="G24" s="214"/>
      <c r="H24" s="214"/>
      <c r="I24" s="214"/>
      <c r="J24" s="215"/>
      <c r="K24" s="170"/>
      <c r="L24" s="171"/>
      <c r="M24" s="171"/>
      <c r="N24" s="171"/>
      <c r="O24" s="171"/>
      <c r="P24" s="171"/>
      <c r="Q24" s="171"/>
      <c r="R24" s="171"/>
      <c r="S24" s="171"/>
      <c r="T24" s="171"/>
      <c r="U24" s="171"/>
      <c r="V24" s="171"/>
      <c r="W24" s="172"/>
    </row>
    <row r="25" spans="2:23" ht="15.6" customHeight="1">
      <c r="B25" s="180"/>
      <c r="C25" s="181"/>
      <c r="D25" s="181"/>
      <c r="E25" s="182"/>
      <c r="F25" s="213" t="s">
        <v>78</v>
      </c>
      <c r="G25" s="214"/>
      <c r="H25" s="214"/>
      <c r="I25" s="214"/>
      <c r="J25" s="215"/>
      <c r="K25" s="170"/>
      <c r="L25" s="171"/>
      <c r="M25" s="171"/>
      <c r="N25" s="171"/>
      <c r="O25" s="171"/>
      <c r="P25" s="171"/>
      <c r="Q25" s="171"/>
      <c r="R25" s="171"/>
      <c r="S25" s="171"/>
      <c r="T25" s="171"/>
      <c r="U25" s="171"/>
      <c r="V25" s="171"/>
      <c r="W25" s="172"/>
    </row>
    <row r="26" spans="2:23" ht="15.6" customHeight="1">
      <c r="B26" s="180"/>
      <c r="C26" s="181"/>
      <c r="D26" s="181"/>
      <c r="E26" s="182"/>
      <c r="F26" s="213" t="s">
        <v>78</v>
      </c>
      <c r="G26" s="214"/>
      <c r="H26" s="214"/>
      <c r="I26" s="214"/>
      <c r="J26" s="215"/>
      <c r="K26" s="170"/>
      <c r="L26" s="171"/>
      <c r="M26" s="171"/>
      <c r="N26" s="171"/>
      <c r="O26" s="171"/>
      <c r="P26" s="171"/>
      <c r="Q26" s="171"/>
      <c r="R26" s="171"/>
      <c r="S26" s="171"/>
      <c r="T26" s="171"/>
      <c r="U26" s="171"/>
      <c r="V26" s="171"/>
      <c r="W26" s="172"/>
    </row>
    <row r="27" spans="2:23" ht="15.6" customHeight="1">
      <c r="B27" s="180"/>
      <c r="C27" s="181"/>
      <c r="D27" s="181"/>
      <c r="E27" s="182"/>
      <c r="F27" s="161" t="s">
        <v>102</v>
      </c>
      <c r="G27" s="162"/>
      <c r="H27" s="162"/>
      <c r="I27" s="162"/>
      <c r="J27" s="163"/>
      <c r="K27" s="124"/>
      <c r="L27" s="125"/>
      <c r="M27" s="125"/>
      <c r="N27" s="125"/>
      <c r="O27" s="125"/>
      <c r="P27" s="125"/>
      <c r="Q27" s="125"/>
      <c r="R27" s="125"/>
      <c r="S27" s="125"/>
      <c r="T27" s="125"/>
      <c r="U27" s="125"/>
      <c r="V27" s="125"/>
      <c r="W27" s="126"/>
    </row>
    <row r="28" spans="2:23" ht="49.5" customHeight="1" thickBot="1">
      <c r="B28" s="201" t="s">
        <v>60</v>
      </c>
      <c r="C28" s="202"/>
      <c r="D28" s="202"/>
      <c r="E28" s="202"/>
      <c r="F28" s="203"/>
      <c r="G28" s="204"/>
      <c r="H28" s="204"/>
      <c r="I28" s="204"/>
      <c r="J28" s="204"/>
      <c r="K28" s="204"/>
      <c r="L28" s="204"/>
      <c r="M28" s="204"/>
      <c r="N28" s="204"/>
      <c r="O28" s="204"/>
      <c r="P28" s="204"/>
      <c r="Q28" s="204"/>
      <c r="R28" s="204"/>
      <c r="S28" s="204"/>
      <c r="T28" s="204"/>
      <c r="U28" s="204"/>
      <c r="V28" s="204"/>
      <c r="W28" s="205"/>
    </row>
    <row r="29" spans="2:23" ht="15.6" customHeight="1">
      <c r="B29" s="17" t="s">
        <v>3</v>
      </c>
      <c r="C29" s="16"/>
      <c r="D29" s="16"/>
      <c r="E29" s="16"/>
      <c r="F29" s="16"/>
      <c r="G29" s="16"/>
      <c r="H29" s="16"/>
      <c r="I29" s="16"/>
      <c r="J29" s="16"/>
      <c r="K29" s="16"/>
      <c r="L29" s="16"/>
      <c r="M29" s="16"/>
      <c r="N29" s="16"/>
      <c r="O29" s="16"/>
    </row>
    <row r="30" spans="2:23" ht="15.6" customHeight="1">
      <c r="B30" s="17"/>
      <c r="C30" s="16"/>
      <c r="D30" s="16"/>
      <c r="E30" s="16"/>
      <c r="F30" s="16"/>
      <c r="G30" s="16"/>
      <c r="H30" s="16"/>
      <c r="I30" s="16"/>
      <c r="J30" s="16"/>
      <c r="K30" s="16"/>
      <c r="L30" s="16"/>
      <c r="M30" s="16"/>
      <c r="N30" s="16"/>
      <c r="O30" s="16"/>
    </row>
    <row r="31" spans="2:23" ht="15.6" customHeight="1">
      <c r="B31" s="2" t="s">
        <v>61</v>
      </c>
      <c r="C31" s="2"/>
      <c r="D31" s="2"/>
      <c r="E31" s="2"/>
      <c r="F31" s="2"/>
      <c r="G31" s="2"/>
      <c r="H31" s="2"/>
      <c r="I31" s="2"/>
      <c r="J31" s="2"/>
      <c r="K31" s="16"/>
      <c r="L31" s="16"/>
      <c r="M31" s="16"/>
      <c r="N31" s="16"/>
      <c r="O31" s="16"/>
    </row>
    <row r="32" spans="2:23" ht="24.75" customHeight="1" thickBot="1">
      <c r="B32" s="216" t="s">
        <v>71</v>
      </c>
      <c r="C32" s="216"/>
      <c r="D32" s="216"/>
      <c r="E32" s="216"/>
      <c r="F32" s="216"/>
      <c r="G32" s="30"/>
      <c r="H32" s="16"/>
      <c r="I32" s="16"/>
      <c r="J32" s="16"/>
      <c r="K32" s="16"/>
      <c r="L32" s="16"/>
      <c r="M32" s="16"/>
      <c r="N32" s="16"/>
      <c r="O32" s="16"/>
    </row>
    <row r="33" spans="1:24" ht="9.75" customHeight="1">
      <c r="A33" s="31"/>
      <c r="B33" s="39"/>
      <c r="C33" s="39"/>
      <c r="D33" s="39"/>
      <c r="E33" s="39"/>
      <c r="F33" s="39"/>
      <c r="G33" s="39"/>
      <c r="H33" s="45"/>
      <c r="I33" s="45"/>
      <c r="J33" s="45"/>
      <c r="K33" s="45"/>
      <c r="L33" s="45"/>
      <c r="M33" s="45"/>
      <c r="N33" s="45"/>
      <c r="O33" s="45"/>
      <c r="P33" s="46"/>
      <c r="Q33" s="46"/>
      <c r="R33" s="46"/>
      <c r="S33" s="46"/>
      <c r="T33" s="46"/>
      <c r="U33" s="46"/>
      <c r="V33" s="46"/>
      <c r="W33" s="46"/>
      <c r="X33" s="32"/>
    </row>
    <row r="34" spans="1:24">
      <c r="A34" s="33"/>
      <c r="B34" s="217" t="s">
        <v>5</v>
      </c>
      <c r="C34" s="218"/>
      <c r="D34" s="218"/>
      <c r="E34" s="219"/>
      <c r="F34" s="220"/>
      <c r="G34" s="220"/>
      <c r="H34" s="220"/>
      <c r="I34" s="220"/>
      <c r="J34" s="220"/>
      <c r="K34" s="220"/>
      <c r="L34" s="220"/>
      <c r="M34" s="221" t="s">
        <v>6</v>
      </c>
      <c r="N34" s="178"/>
      <c r="O34" s="178"/>
      <c r="P34" s="179"/>
      <c r="Q34" s="47"/>
      <c r="R34" s="48"/>
      <c r="S34" s="48"/>
      <c r="T34" s="49"/>
      <c r="U34" s="49"/>
      <c r="V34" s="49"/>
      <c r="W34" s="50"/>
      <c r="X34" s="1"/>
    </row>
    <row r="35" spans="1:24">
      <c r="A35" s="33"/>
      <c r="B35" s="207" t="s">
        <v>7</v>
      </c>
      <c r="C35" s="181"/>
      <c r="D35" s="181"/>
      <c r="E35" s="182"/>
      <c r="F35" s="208"/>
      <c r="G35" s="208"/>
      <c r="H35" s="208"/>
      <c r="I35" s="208"/>
      <c r="J35" s="208"/>
      <c r="K35" s="208"/>
      <c r="L35" s="208"/>
      <c r="M35" s="207"/>
      <c r="N35" s="181"/>
      <c r="O35" s="181"/>
      <c r="P35" s="182"/>
      <c r="Q35" s="3"/>
      <c r="R35" s="223" t="s">
        <v>106</v>
      </c>
      <c r="S35" s="223"/>
      <c r="T35" s="223"/>
      <c r="U35" s="223"/>
      <c r="V35" s="223"/>
      <c r="W35" s="51" t="s">
        <v>9</v>
      </c>
      <c r="X35" s="1"/>
    </row>
    <row r="36" spans="1:24">
      <c r="A36" s="33"/>
      <c r="B36" s="207"/>
      <c r="C36" s="181"/>
      <c r="D36" s="181"/>
      <c r="E36" s="182"/>
      <c r="F36" s="209"/>
      <c r="G36" s="209"/>
      <c r="H36" s="209"/>
      <c r="I36" s="209"/>
      <c r="J36" s="209"/>
      <c r="K36" s="209"/>
      <c r="L36" s="209"/>
      <c r="M36" s="207"/>
      <c r="N36" s="181"/>
      <c r="O36" s="181"/>
      <c r="P36" s="182"/>
      <c r="Q36" s="5"/>
      <c r="R36" s="19" t="s">
        <v>10</v>
      </c>
      <c r="S36" s="224" t="str">
        <f>IF(ISERROR(DATEDIF(R35,$Q$2,"Y")),"",DATEDIF(R35,$Q$2,"Y"))</f>
        <v/>
      </c>
      <c r="T36" s="224"/>
      <c r="U36" s="20" t="s">
        <v>11</v>
      </c>
      <c r="V36" s="20" t="s">
        <v>12</v>
      </c>
      <c r="W36" s="52"/>
      <c r="X36" s="1"/>
    </row>
    <row r="37" spans="1:24">
      <c r="A37" s="33"/>
      <c r="B37" s="199" t="s">
        <v>13</v>
      </c>
      <c r="C37" s="146"/>
      <c r="D37" s="146"/>
      <c r="E37" s="147"/>
      <c r="F37" s="7"/>
      <c r="G37" s="8" t="s">
        <v>10</v>
      </c>
      <c r="H37" s="200"/>
      <c r="I37" s="200"/>
      <c r="J37" s="200"/>
      <c r="K37" s="8" t="s">
        <v>12</v>
      </c>
      <c r="L37" s="9"/>
      <c r="M37" s="222"/>
      <c r="N37" s="184"/>
      <c r="O37" s="184"/>
      <c r="P37" s="185"/>
      <c r="Q37" s="10"/>
      <c r="R37" s="11"/>
      <c r="S37" s="130"/>
      <c r="T37" s="130"/>
      <c r="U37" s="12"/>
      <c r="V37" s="12"/>
      <c r="W37" s="53"/>
      <c r="X37" s="1"/>
    </row>
    <row r="38" spans="1:24" ht="11.25" customHeight="1">
      <c r="A38" s="33"/>
      <c r="B38" s="54"/>
      <c r="C38" s="55"/>
      <c r="D38" s="55"/>
      <c r="E38" s="56"/>
      <c r="F38" s="206"/>
      <c r="G38" s="206"/>
      <c r="H38" s="206"/>
      <c r="I38" s="206"/>
      <c r="J38" s="206"/>
      <c r="K38" s="206"/>
      <c r="L38" s="206"/>
      <c r="M38" s="206"/>
      <c r="N38" s="206"/>
      <c r="O38" s="206"/>
      <c r="P38" s="206"/>
      <c r="Q38" s="206"/>
      <c r="R38" s="206"/>
      <c r="S38" s="206"/>
      <c r="T38" s="206"/>
      <c r="U38" s="206"/>
      <c r="V38" s="206"/>
      <c r="W38" s="206"/>
      <c r="X38" s="1"/>
    </row>
    <row r="39" spans="1:24" ht="15" customHeight="1">
      <c r="A39" s="33"/>
      <c r="B39" s="57" t="s">
        <v>62</v>
      </c>
      <c r="C39" s="58"/>
      <c r="D39" s="58"/>
      <c r="E39" s="59"/>
      <c r="F39" s="156" t="s">
        <v>106</v>
      </c>
      <c r="G39" s="156"/>
      <c r="H39" s="156"/>
      <c r="I39" s="156"/>
      <c r="J39" s="156"/>
      <c r="K39" s="60"/>
      <c r="L39" s="115"/>
      <c r="M39" s="115"/>
      <c r="N39" s="115"/>
      <c r="O39" s="115"/>
      <c r="P39" s="115"/>
      <c r="Q39" s="115"/>
      <c r="R39" s="115"/>
      <c r="S39" s="115"/>
      <c r="T39" s="115"/>
      <c r="U39" s="115"/>
      <c r="V39" s="176" t="s">
        <v>87</v>
      </c>
      <c r="W39" s="176"/>
      <c r="X39" s="1"/>
    </row>
    <row r="40" spans="1:24" ht="5.4" customHeight="1">
      <c r="A40" s="33"/>
      <c r="B40" s="71"/>
      <c r="C40" s="71"/>
      <c r="D40" s="71"/>
      <c r="E40" s="71"/>
      <c r="F40" s="71"/>
      <c r="G40" s="71"/>
      <c r="H40" s="34"/>
      <c r="I40" s="34"/>
      <c r="J40" s="34"/>
      <c r="K40" s="34"/>
      <c r="L40" s="34"/>
      <c r="M40" s="34"/>
      <c r="N40" s="34"/>
      <c r="O40" s="34"/>
      <c r="P40" s="28"/>
      <c r="Q40" s="28"/>
      <c r="R40" s="28"/>
      <c r="S40" s="28"/>
      <c r="T40" s="28"/>
      <c r="U40" s="28"/>
      <c r="V40" s="28"/>
      <c r="W40" s="28"/>
      <c r="X40" s="1"/>
    </row>
    <row r="41" spans="1:24" ht="16.2">
      <c r="A41" s="33"/>
      <c r="B41" s="40" t="s">
        <v>63</v>
      </c>
      <c r="C41" s="71"/>
      <c r="D41" s="71"/>
      <c r="E41" s="71"/>
      <c r="F41" s="71"/>
      <c r="G41" s="71"/>
      <c r="H41" s="34"/>
      <c r="I41" s="34"/>
      <c r="J41" s="34"/>
      <c r="K41" s="34"/>
      <c r="L41" s="34"/>
      <c r="M41" s="34"/>
      <c r="N41" s="34"/>
      <c r="O41" s="34"/>
      <c r="P41" s="28"/>
      <c r="Q41" s="28"/>
      <c r="R41" s="28"/>
      <c r="S41" s="28"/>
      <c r="T41" s="28"/>
      <c r="U41" s="28"/>
      <c r="V41" s="28"/>
      <c r="W41" s="28"/>
      <c r="X41" s="1"/>
    </row>
    <row r="42" spans="1:24" ht="7.5" customHeight="1">
      <c r="A42" s="33"/>
      <c r="B42" s="113" t="s">
        <v>25</v>
      </c>
      <c r="C42" s="103"/>
      <c r="D42" s="103"/>
      <c r="E42" s="104"/>
      <c r="F42" s="113" t="s">
        <v>26</v>
      </c>
      <c r="G42" s="103"/>
      <c r="H42" s="103"/>
      <c r="I42" s="104"/>
      <c r="J42" s="109"/>
      <c r="K42" s="109"/>
      <c r="L42" s="109"/>
      <c r="M42" s="109"/>
      <c r="N42" s="109"/>
      <c r="O42" s="109"/>
      <c r="P42" s="109"/>
      <c r="Q42" s="109"/>
      <c r="R42" s="109"/>
      <c r="S42" s="109"/>
      <c r="T42" s="109"/>
      <c r="U42" s="109"/>
      <c r="V42" s="109"/>
      <c r="W42" s="110"/>
      <c r="X42" s="1"/>
    </row>
    <row r="43" spans="1:24" ht="7.5" customHeight="1">
      <c r="A43" s="33"/>
      <c r="B43" s="157"/>
      <c r="C43" s="105"/>
      <c r="D43" s="105"/>
      <c r="E43" s="106"/>
      <c r="F43" s="114"/>
      <c r="G43" s="107"/>
      <c r="H43" s="107"/>
      <c r="I43" s="108"/>
      <c r="J43" s="111"/>
      <c r="K43" s="111"/>
      <c r="L43" s="111"/>
      <c r="M43" s="111"/>
      <c r="N43" s="111"/>
      <c r="O43" s="111"/>
      <c r="P43" s="111"/>
      <c r="Q43" s="111"/>
      <c r="R43" s="111"/>
      <c r="S43" s="111"/>
      <c r="T43" s="111"/>
      <c r="U43" s="111"/>
      <c r="V43" s="111"/>
      <c r="W43" s="112"/>
      <c r="X43" s="1"/>
    </row>
    <row r="44" spans="1:24" ht="7.5" customHeight="1">
      <c r="A44" s="33"/>
      <c r="B44" s="157"/>
      <c r="C44" s="105"/>
      <c r="D44" s="105"/>
      <c r="E44" s="106"/>
      <c r="F44" s="113" t="s">
        <v>27</v>
      </c>
      <c r="G44" s="103"/>
      <c r="H44" s="103"/>
      <c r="I44" s="104"/>
      <c r="J44" s="109"/>
      <c r="K44" s="109"/>
      <c r="L44" s="109"/>
      <c r="M44" s="109"/>
      <c r="N44" s="109"/>
      <c r="O44" s="109"/>
      <c r="P44" s="109"/>
      <c r="Q44" s="109"/>
      <c r="R44" s="109"/>
      <c r="S44" s="109"/>
      <c r="T44" s="109"/>
      <c r="U44" s="109"/>
      <c r="V44" s="109"/>
      <c r="W44" s="110"/>
      <c r="X44" s="1"/>
    </row>
    <row r="45" spans="1:24" ht="7.5" customHeight="1">
      <c r="A45" s="33"/>
      <c r="B45" s="157"/>
      <c r="C45" s="105"/>
      <c r="D45" s="105"/>
      <c r="E45" s="106"/>
      <c r="F45" s="114"/>
      <c r="G45" s="107"/>
      <c r="H45" s="107"/>
      <c r="I45" s="108"/>
      <c r="J45" s="111"/>
      <c r="K45" s="111"/>
      <c r="L45" s="111"/>
      <c r="M45" s="111"/>
      <c r="N45" s="111"/>
      <c r="O45" s="111"/>
      <c r="P45" s="111"/>
      <c r="Q45" s="111"/>
      <c r="R45" s="111"/>
      <c r="S45" s="111"/>
      <c r="T45" s="111"/>
      <c r="U45" s="111"/>
      <c r="V45" s="111"/>
      <c r="W45" s="112"/>
      <c r="X45" s="1"/>
    </row>
    <row r="46" spans="1:24" ht="7.5" customHeight="1">
      <c r="A46" s="33"/>
      <c r="B46" s="157"/>
      <c r="C46" s="105"/>
      <c r="D46" s="105"/>
      <c r="E46" s="106"/>
      <c r="F46" s="113" t="s">
        <v>28</v>
      </c>
      <c r="G46" s="103"/>
      <c r="H46" s="103"/>
      <c r="I46" s="104"/>
      <c r="J46" s="133"/>
      <c r="K46" s="109"/>
      <c r="L46" s="109"/>
      <c r="M46" s="109"/>
      <c r="N46" s="109"/>
      <c r="O46" s="109"/>
      <c r="P46" s="109"/>
      <c r="Q46" s="109"/>
      <c r="R46" s="109"/>
      <c r="S46" s="109"/>
      <c r="T46" s="109"/>
      <c r="U46" s="109"/>
      <c r="V46" s="109"/>
      <c r="W46" s="110"/>
      <c r="X46" s="1"/>
    </row>
    <row r="47" spans="1:24" ht="7.5" customHeight="1">
      <c r="A47" s="33"/>
      <c r="B47" s="157"/>
      <c r="C47" s="105"/>
      <c r="D47" s="105"/>
      <c r="E47" s="106"/>
      <c r="F47" s="114"/>
      <c r="G47" s="107"/>
      <c r="H47" s="107"/>
      <c r="I47" s="108"/>
      <c r="J47" s="134"/>
      <c r="K47" s="111"/>
      <c r="L47" s="111"/>
      <c r="M47" s="111"/>
      <c r="N47" s="111"/>
      <c r="O47" s="111"/>
      <c r="P47" s="111"/>
      <c r="Q47" s="111"/>
      <c r="R47" s="111"/>
      <c r="S47" s="111"/>
      <c r="T47" s="111"/>
      <c r="U47" s="111"/>
      <c r="V47" s="111"/>
      <c r="W47" s="112"/>
      <c r="X47" s="1"/>
    </row>
    <row r="48" spans="1:24" ht="7.5" customHeight="1">
      <c r="A48" s="33"/>
      <c r="B48" s="157"/>
      <c r="C48" s="105"/>
      <c r="D48" s="105"/>
      <c r="E48" s="106"/>
      <c r="F48" s="113" t="s">
        <v>29</v>
      </c>
      <c r="G48" s="103"/>
      <c r="H48" s="103"/>
      <c r="I48" s="104"/>
      <c r="J48" s="109"/>
      <c r="K48" s="109"/>
      <c r="L48" s="109"/>
      <c r="M48" s="109"/>
      <c r="N48" s="109"/>
      <c r="O48" s="113" t="s">
        <v>30</v>
      </c>
      <c r="P48" s="103"/>
      <c r="Q48" s="103"/>
      <c r="R48" s="104"/>
      <c r="S48" s="109"/>
      <c r="T48" s="109"/>
      <c r="U48" s="109"/>
      <c r="V48" s="109"/>
      <c r="W48" s="110"/>
      <c r="X48" s="1"/>
    </row>
    <row r="49" spans="1:24" ht="7.5" customHeight="1">
      <c r="A49" s="33"/>
      <c r="B49" s="157"/>
      <c r="C49" s="105"/>
      <c r="D49" s="105"/>
      <c r="E49" s="106"/>
      <c r="F49" s="114"/>
      <c r="G49" s="107"/>
      <c r="H49" s="107"/>
      <c r="I49" s="108"/>
      <c r="J49" s="111"/>
      <c r="K49" s="111"/>
      <c r="L49" s="111"/>
      <c r="M49" s="111"/>
      <c r="N49" s="111"/>
      <c r="O49" s="114"/>
      <c r="P49" s="107"/>
      <c r="Q49" s="107"/>
      <c r="R49" s="108"/>
      <c r="S49" s="111"/>
      <c r="T49" s="111"/>
      <c r="U49" s="111"/>
      <c r="V49" s="111"/>
      <c r="W49" s="112"/>
      <c r="X49" s="1"/>
    </row>
    <row r="50" spans="1:24" ht="12" customHeight="1">
      <c r="A50" s="33"/>
      <c r="B50" s="157"/>
      <c r="C50" s="105"/>
      <c r="D50" s="105"/>
      <c r="E50" s="106"/>
      <c r="F50" s="113" t="s">
        <v>32</v>
      </c>
      <c r="G50" s="103"/>
      <c r="H50" s="103"/>
      <c r="I50" s="104"/>
      <c r="J50" s="131" t="s">
        <v>37</v>
      </c>
      <c r="K50" s="131"/>
      <c r="L50" s="131"/>
      <c r="M50" s="131"/>
      <c r="N50" s="131"/>
      <c r="O50" s="14" t="s">
        <v>17</v>
      </c>
      <c r="P50" s="132" t="s">
        <v>37</v>
      </c>
      <c r="Q50" s="132"/>
      <c r="R50" s="132"/>
      <c r="S50" s="132"/>
      <c r="T50" s="132"/>
      <c r="U50" s="28"/>
      <c r="V50" s="28"/>
      <c r="W50" s="41"/>
      <c r="X50" s="1"/>
    </row>
    <row r="51" spans="1:24" ht="12" customHeight="1">
      <c r="A51" s="33"/>
      <c r="B51" s="157"/>
      <c r="C51" s="105"/>
      <c r="D51" s="105"/>
      <c r="E51" s="106"/>
      <c r="F51" s="114"/>
      <c r="G51" s="107"/>
      <c r="H51" s="107"/>
      <c r="I51" s="108"/>
      <c r="J51" s="15"/>
      <c r="K51" s="15"/>
      <c r="L51" s="15"/>
      <c r="M51" s="15"/>
      <c r="N51" s="15"/>
      <c r="O51" s="15"/>
      <c r="P51" s="21"/>
      <c r="Q51" s="21" t="s">
        <v>18</v>
      </c>
      <c r="R51" s="67" t="str">
        <f>IF(ISERROR(DATEDIF(J50,P50+1,"Y")),"",DATEDIF(J50,P50+1,"Y"))</f>
        <v/>
      </c>
      <c r="S51" s="67" t="s">
        <v>103</v>
      </c>
      <c r="T51" s="67" t="str">
        <f>IF(ISERROR(DATEDIF(J50,P50+1,"YM")),"",DATEDIF(J50,P50+1,"YM"))</f>
        <v/>
      </c>
      <c r="U51" s="67" t="s">
        <v>104</v>
      </c>
      <c r="V51" s="67" t="s">
        <v>105</v>
      </c>
      <c r="W51" s="42" t="s">
        <v>19</v>
      </c>
      <c r="X51" s="1"/>
    </row>
    <row r="52" spans="1:24" ht="7.5" customHeight="1">
      <c r="A52" s="33"/>
      <c r="B52" s="113" t="s">
        <v>34</v>
      </c>
      <c r="C52" s="104"/>
      <c r="D52" s="103" t="s">
        <v>16</v>
      </c>
      <c r="E52" s="104"/>
      <c r="F52" s="113" t="s">
        <v>111</v>
      </c>
      <c r="G52" s="103"/>
      <c r="H52" s="103"/>
      <c r="I52" s="104"/>
      <c r="J52" s="109"/>
      <c r="K52" s="109"/>
      <c r="L52" s="109"/>
      <c r="M52" s="109"/>
      <c r="N52" s="109"/>
      <c r="O52" s="109"/>
      <c r="P52" s="109"/>
      <c r="Q52" s="109"/>
      <c r="R52" s="109"/>
      <c r="S52" s="109"/>
      <c r="T52" s="109"/>
      <c r="U52" s="109"/>
      <c r="V52" s="109"/>
      <c r="W52" s="110"/>
      <c r="X52" s="1"/>
    </row>
    <row r="53" spans="1:24" ht="7.5" customHeight="1">
      <c r="A53" s="33"/>
      <c r="B53" s="157"/>
      <c r="C53" s="106"/>
      <c r="D53" s="105"/>
      <c r="E53" s="106"/>
      <c r="F53" s="114"/>
      <c r="G53" s="107"/>
      <c r="H53" s="107"/>
      <c r="I53" s="108"/>
      <c r="J53" s="111"/>
      <c r="K53" s="111"/>
      <c r="L53" s="111"/>
      <c r="M53" s="111"/>
      <c r="N53" s="111"/>
      <c r="O53" s="111"/>
      <c r="P53" s="111"/>
      <c r="Q53" s="111"/>
      <c r="R53" s="111"/>
      <c r="S53" s="111"/>
      <c r="T53" s="111"/>
      <c r="U53" s="111"/>
      <c r="V53" s="111"/>
      <c r="W53" s="112"/>
      <c r="X53" s="1"/>
    </row>
    <row r="54" spans="1:24" ht="7.5" customHeight="1">
      <c r="A54" s="33"/>
      <c r="B54" s="157"/>
      <c r="C54" s="106"/>
      <c r="D54" s="105"/>
      <c r="E54" s="106"/>
      <c r="F54" s="113" t="s">
        <v>27</v>
      </c>
      <c r="G54" s="103"/>
      <c r="H54" s="103"/>
      <c r="I54" s="104"/>
      <c r="J54" s="109"/>
      <c r="K54" s="109"/>
      <c r="L54" s="109"/>
      <c r="M54" s="109"/>
      <c r="N54" s="109"/>
      <c r="O54" s="109"/>
      <c r="P54" s="109"/>
      <c r="Q54" s="109"/>
      <c r="R54" s="109"/>
      <c r="S54" s="109"/>
      <c r="T54" s="109"/>
      <c r="U54" s="109"/>
      <c r="V54" s="109"/>
      <c r="W54" s="110"/>
      <c r="X54" s="1"/>
    </row>
    <row r="55" spans="1:24" ht="7.5" customHeight="1">
      <c r="A55" s="33"/>
      <c r="B55" s="157"/>
      <c r="C55" s="106"/>
      <c r="D55" s="105"/>
      <c r="E55" s="106"/>
      <c r="F55" s="114"/>
      <c r="G55" s="107"/>
      <c r="H55" s="107"/>
      <c r="I55" s="108"/>
      <c r="J55" s="111"/>
      <c r="K55" s="111"/>
      <c r="L55" s="111"/>
      <c r="M55" s="111"/>
      <c r="N55" s="111"/>
      <c r="O55" s="111"/>
      <c r="P55" s="111"/>
      <c r="Q55" s="111"/>
      <c r="R55" s="111"/>
      <c r="S55" s="111"/>
      <c r="T55" s="111"/>
      <c r="U55" s="111"/>
      <c r="V55" s="111"/>
      <c r="W55" s="112"/>
      <c r="X55" s="1"/>
    </row>
    <row r="56" spans="1:24" ht="7.5" customHeight="1">
      <c r="A56" s="33"/>
      <c r="B56" s="157"/>
      <c r="C56" s="106"/>
      <c r="D56" s="105"/>
      <c r="E56" s="106"/>
      <c r="F56" s="113" t="s">
        <v>29</v>
      </c>
      <c r="G56" s="103"/>
      <c r="H56" s="103"/>
      <c r="I56" s="104"/>
      <c r="J56" s="133"/>
      <c r="K56" s="109"/>
      <c r="L56" s="109"/>
      <c r="M56" s="109"/>
      <c r="N56" s="109"/>
      <c r="O56" s="110"/>
      <c r="P56" s="113" t="s">
        <v>42</v>
      </c>
      <c r="Q56" s="104"/>
      <c r="R56" s="133"/>
      <c r="S56" s="109"/>
      <c r="T56" s="109"/>
      <c r="U56" s="109"/>
      <c r="V56" s="109"/>
      <c r="W56" s="110"/>
      <c r="X56" s="1"/>
    </row>
    <row r="57" spans="1:24" ht="7.5" customHeight="1">
      <c r="A57" s="33"/>
      <c r="B57" s="157"/>
      <c r="C57" s="106"/>
      <c r="D57" s="105"/>
      <c r="E57" s="106"/>
      <c r="F57" s="114"/>
      <c r="G57" s="107"/>
      <c r="H57" s="107"/>
      <c r="I57" s="108"/>
      <c r="J57" s="134"/>
      <c r="K57" s="111"/>
      <c r="L57" s="111"/>
      <c r="M57" s="111"/>
      <c r="N57" s="111"/>
      <c r="O57" s="112"/>
      <c r="P57" s="114"/>
      <c r="Q57" s="108"/>
      <c r="R57" s="134"/>
      <c r="S57" s="111"/>
      <c r="T57" s="111"/>
      <c r="U57" s="111"/>
      <c r="V57" s="111"/>
      <c r="W57" s="112"/>
      <c r="X57" s="1"/>
    </row>
    <row r="58" spans="1:24" ht="12" customHeight="1">
      <c r="A58" s="33"/>
      <c r="B58" s="157"/>
      <c r="C58" s="106"/>
      <c r="D58" s="105"/>
      <c r="E58" s="106"/>
      <c r="F58" s="113" t="s">
        <v>32</v>
      </c>
      <c r="G58" s="103"/>
      <c r="H58" s="103"/>
      <c r="I58" s="104"/>
      <c r="J58" s="131" t="s">
        <v>37</v>
      </c>
      <c r="K58" s="131"/>
      <c r="L58" s="131"/>
      <c r="M58" s="131"/>
      <c r="N58" s="131"/>
      <c r="O58" s="14" t="s">
        <v>17</v>
      </c>
      <c r="P58" s="132" t="s">
        <v>37</v>
      </c>
      <c r="Q58" s="132"/>
      <c r="R58" s="132"/>
      <c r="S58" s="132"/>
      <c r="T58" s="132"/>
      <c r="U58" s="28"/>
      <c r="V58" s="28"/>
      <c r="W58" s="41"/>
      <c r="X58" s="1"/>
    </row>
    <row r="59" spans="1:24" ht="12" customHeight="1">
      <c r="A59" s="33"/>
      <c r="B59" s="157"/>
      <c r="C59" s="106"/>
      <c r="D59" s="107"/>
      <c r="E59" s="108"/>
      <c r="F59" s="114"/>
      <c r="G59" s="107"/>
      <c r="H59" s="107"/>
      <c r="I59" s="108"/>
      <c r="J59" s="15"/>
      <c r="K59" s="15"/>
      <c r="L59" s="15"/>
      <c r="M59" s="15"/>
      <c r="N59" s="15"/>
      <c r="O59" s="15"/>
      <c r="P59" s="21"/>
      <c r="Q59" s="21" t="s">
        <v>18</v>
      </c>
      <c r="R59" s="67" t="str">
        <f>IF(ISERROR(DATEDIF(J58,P58+1,"Y")),"",DATEDIF(J58,P58+1,"Y"))</f>
        <v/>
      </c>
      <c r="S59" s="67" t="s">
        <v>8</v>
      </c>
      <c r="T59" s="67" t="str">
        <f>IF(ISERROR(DATEDIF(J58,P58+1,"YM")),"",DATEDIF(J58,P58+1,"YM"))</f>
        <v/>
      </c>
      <c r="U59" s="67" t="s">
        <v>104</v>
      </c>
      <c r="V59" s="67" t="s">
        <v>105</v>
      </c>
      <c r="W59" s="42" t="s">
        <v>19</v>
      </c>
      <c r="X59" s="1"/>
    </row>
    <row r="60" spans="1:24" ht="7.5" customHeight="1">
      <c r="A60" s="33"/>
      <c r="B60" s="157"/>
      <c r="C60" s="106"/>
      <c r="D60" s="103" t="s">
        <v>20</v>
      </c>
      <c r="E60" s="104"/>
      <c r="F60" s="113" t="s">
        <v>111</v>
      </c>
      <c r="G60" s="103"/>
      <c r="H60" s="103"/>
      <c r="I60" s="104"/>
      <c r="J60" s="109"/>
      <c r="K60" s="109"/>
      <c r="L60" s="109"/>
      <c r="M60" s="109"/>
      <c r="N60" s="109"/>
      <c r="O60" s="109"/>
      <c r="P60" s="109"/>
      <c r="Q60" s="109"/>
      <c r="R60" s="109"/>
      <c r="S60" s="109"/>
      <c r="T60" s="109"/>
      <c r="U60" s="109"/>
      <c r="V60" s="109"/>
      <c r="W60" s="110"/>
      <c r="X60" s="1"/>
    </row>
    <row r="61" spans="1:24" ht="7.5" customHeight="1">
      <c r="A61" s="33"/>
      <c r="B61" s="157"/>
      <c r="C61" s="106"/>
      <c r="D61" s="105"/>
      <c r="E61" s="106"/>
      <c r="F61" s="114"/>
      <c r="G61" s="107"/>
      <c r="H61" s="107"/>
      <c r="I61" s="108"/>
      <c r="J61" s="111"/>
      <c r="K61" s="111"/>
      <c r="L61" s="111"/>
      <c r="M61" s="111"/>
      <c r="N61" s="111"/>
      <c r="O61" s="111"/>
      <c r="P61" s="111"/>
      <c r="Q61" s="111"/>
      <c r="R61" s="111"/>
      <c r="S61" s="111"/>
      <c r="T61" s="111"/>
      <c r="U61" s="111"/>
      <c r="V61" s="111"/>
      <c r="W61" s="112"/>
      <c r="X61" s="1"/>
    </row>
    <row r="62" spans="1:24" ht="7.5" customHeight="1">
      <c r="A62" s="33"/>
      <c r="B62" s="157"/>
      <c r="C62" s="106"/>
      <c r="D62" s="105"/>
      <c r="E62" s="106"/>
      <c r="F62" s="113" t="s">
        <v>27</v>
      </c>
      <c r="G62" s="103"/>
      <c r="H62" s="103"/>
      <c r="I62" s="104"/>
      <c r="J62" s="109"/>
      <c r="K62" s="109"/>
      <c r="L62" s="109"/>
      <c r="M62" s="109"/>
      <c r="N62" s="109"/>
      <c r="O62" s="109"/>
      <c r="P62" s="109"/>
      <c r="Q62" s="109"/>
      <c r="R62" s="109"/>
      <c r="S62" s="109"/>
      <c r="T62" s="109"/>
      <c r="U62" s="109"/>
      <c r="V62" s="109"/>
      <c r="W62" s="110"/>
      <c r="X62" s="1"/>
    </row>
    <row r="63" spans="1:24" ht="7.5" customHeight="1">
      <c r="A63" s="33"/>
      <c r="B63" s="157"/>
      <c r="C63" s="106"/>
      <c r="D63" s="105"/>
      <c r="E63" s="106"/>
      <c r="F63" s="114"/>
      <c r="G63" s="107"/>
      <c r="H63" s="107"/>
      <c r="I63" s="108"/>
      <c r="J63" s="111"/>
      <c r="K63" s="111"/>
      <c r="L63" s="111"/>
      <c r="M63" s="111"/>
      <c r="N63" s="111"/>
      <c r="O63" s="111"/>
      <c r="P63" s="111"/>
      <c r="Q63" s="111"/>
      <c r="R63" s="111"/>
      <c r="S63" s="111"/>
      <c r="T63" s="111"/>
      <c r="U63" s="111"/>
      <c r="V63" s="111"/>
      <c r="W63" s="112"/>
      <c r="X63" s="1"/>
    </row>
    <row r="64" spans="1:24" ht="7.5" customHeight="1">
      <c r="A64" s="33"/>
      <c r="B64" s="157"/>
      <c r="C64" s="106"/>
      <c r="D64" s="105"/>
      <c r="E64" s="106"/>
      <c r="F64" s="113" t="s">
        <v>29</v>
      </c>
      <c r="G64" s="103"/>
      <c r="H64" s="103"/>
      <c r="I64" s="104"/>
      <c r="J64" s="133"/>
      <c r="K64" s="109"/>
      <c r="L64" s="109"/>
      <c r="M64" s="109"/>
      <c r="N64" s="109"/>
      <c r="O64" s="110"/>
      <c r="P64" s="113" t="s">
        <v>42</v>
      </c>
      <c r="Q64" s="104"/>
      <c r="R64" s="133"/>
      <c r="S64" s="109"/>
      <c r="T64" s="109"/>
      <c r="U64" s="109"/>
      <c r="V64" s="109"/>
      <c r="W64" s="110"/>
      <c r="X64" s="1"/>
    </row>
    <row r="65" spans="1:24" ht="7.5" customHeight="1">
      <c r="A65" s="33"/>
      <c r="B65" s="157"/>
      <c r="C65" s="106"/>
      <c r="D65" s="105"/>
      <c r="E65" s="106"/>
      <c r="F65" s="114"/>
      <c r="G65" s="107"/>
      <c r="H65" s="107"/>
      <c r="I65" s="108"/>
      <c r="J65" s="134"/>
      <c r="K65" s="111"/>
      <c r="L65" s="111"/>
      <c r="M65" s="111"/>
      <c r="N65" s="111"/>
      <c r="O65" s="112"/>
      <c r="P65" s="114"/>
      <c r="Q65" s="108"/>
      <c r="R65" s="134"/>
      <c r="S65" s="111"/>
      <c r="T65" s="111"/>
      <c r="U65" s="111"/>
      <c r="V65" s="111"/>
      <c r="W65" s="112"/>
      <c r="X65" s="1"/>
    </row>
    <row r="66" spans="1:24" ht="12" customHeight="1">
      <c r="A66" s="33"/>
      <c r="B66" s="157"/>
      <c r="C66" s="106"/>
      <c r="D66" s="105"/>
      <c r="E66" s="106"/>
      <c r="F66" s="113" t="s">
        <v>32</v>
      </c>
      <c r="G66" s="103"/>
      <c r="H66" s="103"/>
      <c r="I66" s="104"/>
      <c r="J66" s="131" t="s">
        <v>37</v>
      </c>
      <c r="K66" s="131"/>
      <c r="L66" s="131"/>
      <c r="M66" s="131"/>
      <c r="N66" s="131"/>
      <c r="O66" s="14" t="s">
        <v>17</v>
      </c>
      <c r="P66" s="132" t="s">
        <v>37</v>
      </c>
      <c r="Q66" s="132"/>
      <c r="R66" s="132"/>
      <c r="S66" s="132"/>
      <c r="T66" s="132"/>
      <c r="U66" s="28"/>
      <c r="V66" s="28"/>
      <c r="W66" s="41"/>
      <c r="X66" s="1"/>
    </row>
    <row r="67" spans="1:24" ht="12" customHeight="1">
      <c r="A67" s="33"/>
      <c r="B67" s="157"/>
      <c r="C67" s="106"/>
      <c r="D67" s="107"/>
      <c r="E67" s="108"/>
      <c r="F67" s="114"/>
      <c r="G67" s="107"/>
      <c r="H67" s="107"/>
      <c r="I67" s="108"/>
      <c r="J67" s="15"/>
      <c r="K67" s="15"/>
      <c r="L67" s="15"/>
      <c r="M67" s="15"/>
      <c r="N67" s="15"/>
      <c r="O67" s="15"/>
      <c r="P67" s="21"/>
      <c r="Q67" s="21" t="s">
        <v>18</v>
      </c>
      <c r="R67" s="67" t="str">
        <f>IF(ISERROR(DATEDIF(J66,P66+1,"Y")),"",DATEDIF(J66,P66+1,"Y"))</f>
        <v/>
      </c>
      <c r="S67" s="67" t="s">
        <v>8</v>
      </c>
      <c r="T67" s="67" t="str">
        <f>IF(ISERROR(DATEDIF(J66,P66+1,"YM")),"",DATEDIF(J66,P66+1,"YM"))</f>
        <v/>
      </c>
      <c r="U67" s="67" t="s">
        <v>104</v>
      </c>
      <c r="V67" s="67" t="s">
        <v>105</v>
      </c>
      <c r="W67" s="42" t="s">
        <v>19</v>
      </c>
      <c r="X67" s="1"/>
    </row>
    <row r="68" spans="1:24" ht="7.5" customHeight="1">
      <c r="A68" s="33"/>
      <c r="B68" s="157"/>
      <c r="C68" s="106"/>
      <c r="D68" s="103" t="s">
        <v>21</v>
      </c>
      <c r="E68" s="104"/>
      <c r="F68" s="113" t="s">
        <v>111</v>
      </c>
      <c r="G68" s="103"/>
      <c r="H68" s="103"/>
      <c r="I68" s="104"/>
      <c r="J68" s="109"/>
      <c r="K68" s="109"/>
      <c r="L68" s="109"/>
      <c r="M68" s="109"/>
      <c r="N68" s="109"/>
      <c r="O68" s="109"/>
      <c r="P68" s="109"/>
      <c r="Q68" s="109"/>
      <c r="R68" s="109"/>
      <c r="S68" s="109"/>
      <c r="T68" s="109"/>
      <c r="U68" s="109"/>
      <c r="V68" s="109"/>
      <c r="W68" s="110"/>
      <c r="X68" s="1"/>
    </row>
    <row r="69" spans="1:24" ht="7.5" customHeight="1">
      <c r="A69" s="33"/>
      <c r="B69" s="157"/>
      <c r="C69" s="106"/>
      <c r="D69" s="105"/>
      <c r="E69" s="106"/>
      <c r="F69" s="114"/>
      <c r="G69" s="107"/>
      <c r="H69" s="107"/>
      <c r="I69" s="108"/>
      <c r="J69" s="111"/>
      <c r="K69" s="111"/>
      <c r="L69" s="111"/>
      <c r="M69" s="111"/>
      <c r="N69" s="111"/>
      <c r="O69" s="111"/>
      <c r="P69" s="111"/>
      <c r="Q69" s="111"/>
      <c r="R69" s="111"/>
      <c r="S69" s="111"/>
      <c r="T69" s="111"/>
      <c r="U69" s="111"/>
      <c r="V69" s="111"/>
      <c r="W69" s="112"/>
      <c r="X69" s="1"/>
    </row>
    <row r="70" spans="1:24" ht="7.5" customHeight="1">
      <c r="A70" s="33"/>
      <c r="B70" s="157"/>
      <c r="C70" s="106"/>
      <c r="D70" s="105"/>
      <c r="E70" s="106"/>
      <c r="F70" s="113" t="s">
        <v>27</v>
      </c>
      <c r="G70" s="103"/>
      <c r="H70" s="103"/>
      <c r="I70" s="104"/>
      <c r="J70" s="109"/>
      <c r="K70" s="109"/>
      <c r="L70" s="109"/>
      <c r="M70" s="109"/>
      <c r="N70" s="109"/>
      <c r="O70" s="109"/>
      <c r="P70" s="109"/>
      <c r="Q70" s="109"/>
      <c r="R70" s="109"/>
      <c r="S70" s="109"/>
      <c r="T70" s="109"/>
      <c r="U70" s="109"/>
      <c r="V70" s="109"/>
      <c r="W70" s="110"/>
      <c r="X70" s="1"/>
    </row>
    <row r="71" spans="1:24" ht="7.5" customHeight="1">
      <c r="A71" s="33"/>
      <c r="B71" s="157"/>
      <c r="C71" s="106"/>
      <c r="D71" s="105"/>
      <c r="E71" s="106"/>
      <c r="F71" s="114"/>
      <c r="G71" s="107"/>
      <c r="H71" s="107"/>
      <c r="I71" s="108"/>
      <c r="J71" s="111"/>
      <c r="K71" s="111"/>
      <c r="L71" s="111"/>
      <c r="M71" s="111"/>
      <c r="N71" s="111"/>
      <c r="O71" s="111"/>
      <c r="P71" s="111"/>
      <c r="Q71" s="111"/>
      <c r="R71" s="111"/>
      <c r="S71" s="111"/>
      <c r="T71" s="111"/>
      <c r="U71" s="111"/>
      <c r="V71" s="111"/>
      <c r="W71" s="112"/>
      <c r="X71" s="1"/>
    </row>
    <row r="72" spans="1:24" ht="7.5" customHeight="1">
      <c r="A72" s="33"/>
      <c r="B72" s="157"/>
      <c r="C72" s="106"/>
      <c r="D72" s="105"/>
      <c r="E72" s="106"/>
      <c r="F72" s="113" t="s">
        <v>29</v>
      </c>
      <c r="G72" s="103"/>
      <c r="H72" s="103"/>
      <c r="I72" s="104"/>
      <c r="J72" s="133"/>
      <c r="K72" s="109"/>
      <c r="L72" s="109"/>
      <c r="M72" s="109"/>
      <c r="N72" s="109"/>
      <c r="O72" s="110"/>
      <c r="P72" s="113" t="s">
        <v>42</v>
      </c>
      <c r="Q72" s="104"/>
      <c r="R72" s="133"/>
      <c r="S72" s="109"/>
      <c r="T72" s="109"/>
      <c r="U72" s="109"/>
      <c r="V72" s="109"/>
      <c r="W72" s="110"/>
      <c r="X72" s="1"/>
    </row>
    <row r="73" spans="1:24" ht="7.5" customHeight="1">
      <c r="A73" s="33"/>
      <c r="B73" s="157"/>
      <c r="C73" s="106"/>
      <c r="D73" s="105"/>
      <c r="E73" s="106"/>
      <c r="F73" s="114"/>
      <c r="G73" s="107"/>
      <c r="H73" s="107"/>
      <c r="I73" s="108"/>
      <c r="J73" s="134"/>
      <c r="K73" s="111"/>
      <c r="L73" s="111"/>
      <c r="M73" s="111"/>
      <c r="N73" s="111"/>
      <c r="O73" s="112"/>
      <c r="P73" s="114"/>
      <c r="Q73" s="108"/>
      <c r="R73" s="134"/>
      <c r="S73" s="111"/>
      <c r="T73" s="111"/>
      <c r="U73" s="111"/>
      <c r="V73" s="111"/>
      <c r="W73" s="112"/>
      <c r="X73" s="1"/>
    </row>
    <row r="74" spans="1:24" ht="12" customHeight="1">
      <c r="A74" s="33"/>
      <c r="B74" s="157"/>
      <c r="C74" s="106"/>
      <c r="D74" s="105"/>
      <c r="E74" s="106"/>
      <c r="F74" s="113" t="s">
        <v>32</v>
      </c>
      <c r="G74" s="103"/>
      <c r="H74" s="103"/>
      <c r="I74" s="104"/>
      <c r="J74" s="131" t="s">
        <v>37</v>
      </c>
      <c r="K74" s="131"/>
      <c r="L74" s="131"/>
      <c r="M74" s="131"/>
      <c r="N74" s="131"/>
      <c r="O74" s="14" t="s">
        <v>17</v>
      </c>
      <c r="P74" s="132" t="s">
        <v>37</v>
      </c>
      <c r="Q74" s="132"/>
      <c r="R74" s="132"/>
      <c r="S74" s="132"/>
      <c r="T74" s="132"/>
      <c r="U74" s="28"/>
      <c r="V74" s="28"/>
      <c r="W74" s="41"/>
      <c r="X74" s="1"/>
    </row>
    <row r="75" spans="1:24" ht="12" customHeight="1">
      <c r="A75" s="33"/>
      <c r="B75" s="157"/>
      <c r="C75" s="106"/>
      <c r="D75" s="107"/>
      <c r="E75" s="108"/>
      <c r="F75" s="114"/>
      <c r="G75" s="107"/>
      <c r="H75" s="107"/>
      <c r="I75" s="108"/>
      <c r="J75" s="15"/>
      <c r="K75" s="15"/>
      <c r="L75" s="15"/>
      <c r="M75" s="15"/>
      <c r="N75" s="15"/>
      <c r="O75" s="15"/>
      <c r="P75" s="21"/>
      <c r="Q75" s="21" t="s">
        <v>18</v>
      </c>
      <c r="R75" s="67" t="str">
        <f>IF(ISERROR(DATEDIF(J74,P74+1,"Y")),"",DATEDIF(J74,P74+1,"Y"))</f>
        <v/>
      </c>
      <c r="S75" s="67" t="s">
        <v>8</v>
      </c>
      <c r="T75" s="67" t="str">
        <f>IF(ISERROR(DATEDIF(J74,P74+1,"YM")),"",DATEDIF(J74,P74+1,"YM"))</f>
        <v/>
      </c>
      <c r="U75" s="67" t="s">
        <v>104</v>
      </c>
      <c r="V75" s="67" t="s">
        <v>105</v>
      </c>
      <c r="W75" s="42" t="s">
        <v>19</v>
      </c>
      <c r="X75" s="1"/>
    </row>
    <row r="76" spans="1:24" ht="7.5" customHeight="1">
      <c r="A76" s="33"/>
      <c r="B76" s="157"/>
      <c r="C76" s="106"/>
      <c r="D76" s="103" t="s">
        <v>22</v>
      </c>
      <c r="E76" s="104"/>
      <c r="F76" s="113" t="s">
        <v>111</v>
      </c>
      <c r="G76" s="103"/>
      <c r="H76" s="103"/>
      <c r="I76" s="104"/>
      <c r="J76" s="109"/>
      <c r="K76" s="109"/>
      <c r="L76" s="109"/>
      <c r="M76" s="109"/>
      <c r="N76" s="109"/>
      <c r="O76" s="109"/>
      <c r="P76" s="109"/>
      <c r="Q76" s="109"/>
      <c r="R76" s="109"/>
      <c r="S76" s="109"/>
      <c r="T76" s="109"/>
      <c r="U76" s="109"/>
      <c r="V76" s="109"/>
      <c r="W76" s="110"/>
      <c r="X76" s="1"/>
    </row>
    <row r="77" spans="1:24" ht="7.5" customHeight="1">
      <c r="A77" s="33"/>
      <c r="B77" s="157"/>
      <c r="C77" s="106"/>
      <c r="D77" s="105"/>
      <c r="E77" s="106"/>
      <c r="F77" s="114"/>
      <c r="G77" s="107"/>
      <c r="H77" s="107"/>
      <c r="I77" s="108"/>
      <c r="J77" s="111"/>
      <c r="K77" s="111"/>
      <c r="L77" s="111"/>
      <c r="M77" s="111"/>
      <c r="N77" s="111"/>
      <c r="O77" s="111"/>
      <c r="P77" s="111"/>
      <c r="Q77" s="111"/>
      <c r="R77" s="111"/>
      <c r="S77" s="111"/>
      <c r="T77" s="111"/>
      <c r="U77" s="111"/>
      <c r="V77" s="111"/>
      <c r="W77" s="112"/>
      <c r="X77" s="1"/>
    </row>
    <row r="78" spans="1:24" ht="7.5" customHeight="1">
      <c r="A78" s="33"/>
      <c r="B78" s="157"/>
      <c r="C78" s="106"/>
      <c r="D78" s="105"/>
      <c r="E78" s="106"/>
      <c r="F78" s="113" t="s">
        <v>27</v>
      </c>
      <c r="G78" s="103"/>
      <c r="H78" s="103"/>
      <c r="I78" s="104"/>
      <c r="J78" s="109"/>
      <c r="K78" s="109"/>
      <c r="L78" s="109"/>
      <c r="M78" s="109"/>
      <c r="N78" s="109"/>
      <c r="O78" s="109"/>
      <c r="P78" s="109"/>
      <c r="Q78" s="109"/>
      <c r="R78" s="109"/>
      <c r="S78" s="109"/>
      <c r="T78" s="109"/>
      <c r="U78" s="109"/>
      <c r="V78" s="109"/>
      <c r="W78" s="110"/>
      <c r="X78" s="1"/>
    </row>
    <row r="79" spans="1:24" ht="7.5" customHeight="1">
      <c r="A79" s="33"/>
      <c r="B79" s="157"/>
      <c r="C79" s="106"/>
      <c r="D79" s="105"/>
      <c r="E79" s="106"/>
      <c r="F79" s="114"/>
      <c r="G79" s="107"/>
      <c r="H79" s="107"/>
      <c r="I79" s="108"/>
      <c r="J79" s="111"/>
      <c r="K79" s="111"/>
      <c r="L79" s="111"/>
      <c r="M79" s="111"/>
      <c r="N79" s="111"/>
      <c r="O79" s="111"/>
      <c r="P79" s="111"/>
      <c r="Q79" s="111"/>
      <c r="R79" s="111"/>
      <c r="S79" s="111"/>
      <c r="T79" s="111"/>
      <c r="U79" s="111"/>
      <c r="V79" s="111"/>
      <c r="W79" s="112"/>
      <c r="X79" s="1"/>
    </row>
    <row r="80" spans="1:24" ht="7.5" customHeight="1">
      <c r="A80" s="33"/>
      <c r="B80" s="157"/>
      <c r="C80" s="106"/>
      <c r="D80" s="105"/>
      <c r="E80" s="106"/>
      <c r="F80" s="113" t="s">
        <v>29</v>
      </c>
      <c r="G80" s="103"/>
      <c r="H80" s="103"/>
      <c r="I80" s="104"/>
      <c r="J80" s="133"/>
      <c r="K80" s="109"/>
      <c r="L80" s="109"/>
      <c r="M80" s="109"/>
      <c r="N80" s="109"/>
      <c r="O80" s="110"/>
      <c r="P80" s="113" t="s">
        <v>42</v>
      </c>
      <c r="Q80" s="104"/>
      <c r="R80" s="133"/>
      <c r="S80" s="109"/>
      <c r="T80" s="109"/>
      <c r="U80" s="109"/>
      <c r="V80" s="109"/>
      <c r="W80" s="110"/>
      <c r="X80" s="1"/>
    </row>
    <row r="81" spans="1:24" ht="7.5" customHeight="1">
      <c r="A81" s="33"/>
      <c r="B81" s="157"/>
      <c r="C81" s="106"/>
      <c r="D81" s="105"/>
      <c r="E81" s="106"/>
      <c r="F81" s="114"/>
      <c r="G81" s="107"/>
      <c r="H81" s="107"/>
      <c r="I81" s="108"/>
      <c r="J81" s="134"/>
      <c r="K81" s="111"/>
      <c r="L81" s="111"/>
      <c r="M81" s="111"/>
      <c r="N81" s="111"/>
      <c r="O81" s="112"/>
      <c r="P81" s="114"/>
      <c r="Q81" s="108"/>
      <c r="R81" s="134"/>
      <c r="S81" s="111"/>
      <c r="T81" s="111"/>
      <c r="U81" s="111"/>
      <c r="V81" s="111"/>
      <c r="W81" s="112"/>
      <c r="X81" s="1"/>
    </row>
    <row r="82" spans="1:24" ht="12" customHeight="1">
      <c r="A82" s="33"/>
      <c r="B82" s="157"/>
      <c r="C82" s="106"/>
      <c r="D82" s="105"/>
      <c r="E82" s="106"/>
      <c r="F82" s="113" t="s">
        <v>32</v>
      </c>
      <c r="G82" s="103"/>
      <c r="H82" s="103"/>
      <c r="I82" s="104"/>
      <c r="J82" s="131" t="s">
        <v>37</v>
      </c>
      <c r="K82" s="131"/>
      <c r="L82" s="131"/>
      <c r="M82" s="131"/>
      <c r="N82" s="131"/>
      <c r="O82" s="14" t="s">
        <v>17</v>
      </c>
      <c r="P82" s="132" t="s">
        <v>37</v>
      </c>
      <c r="Q82" s="132"/>
      <c r="R82" s="132"/>
      <c r="S82" s="132"/>
      <c r="T82" s="132"/>
      <c r="U82" s="28"/>
      <c r="V82" s="28"/>
      <c r="W82" s="41"/>
      <c r="X82" s="1"/>
    </row>
    <row r="83" spans="1:24" ht="12" customHeight="1">
      <c r="A83" s="33"/>
      <c r="B83" s="157"/>
      <c r="C83" s="106"/>
      <c r="D83" s="107"/>
      <c r="E83" s="108"/>
      <c r="F83" s="114"/>
      <c r="G83" s="107"/>
      <c r="H83" s="107"/>
      <c r="I83" s="108"/>
      <c r="J83" s="15"/>
      <c r="K83" s="15"/>
      <c r="L83" s="15"/>
      <c r="M83" s="15"/>
      <c r="N83" s="15"/>
      <c r="O83" s="15"/>
      <c r="P83" s="21"/>
      <c r="Q83" s="21" t="s">
        <v>18</v>
      </c>
      <c r="R83" s="67" t="str">
        <f>IF(ISERROR(DATEDIF(J82,P82+1,"Y")),"",DATEDIF(J82,P82+1,"Y"))</f>
        <v/>
      </c>
      <c r="S83" s="67" t="s">
        <v>8</v>
      </c>
      <c r="T83" s="67" t="str">
        <f>IF(ISERROR(DATEDIF(J82,P82+1,"YM")),"",DATEDIF(J82,P82+1,"YM"))</f>
        <v/>
      </c>
      <c r="U83" s="67" t="s">
        <v>104</v>
      </c>
      <c r="V83" s="67" t="s">
        <v>105</v>
      </c>
      <c r="W83" s="42" t="s">
        <v>19</v>
      </c>
      <c r="X83" s="1"/>
    </row>
    <row r="84" spans="1:24" ht="7.5" customHeight="1">
      <c r="A84" s="33"/>
      <c r="B84" s="157"/>
      <c r="C84" s="106"/>
      <c r="D84" s="103" t="s">
        <v>33</v>
      </c>
      <c r="E84" s="104"/>
      <c r="F84" s="113" t="s">
        <v>111</v>
      </c>
      <c r="G84" s="103"/>
      <c r="H84" s="103"/>
      <c r="I84" s="104"/>
      <c r="J84" s="109"/>
      <c r="K84" s="109"/>
      <c r="L84" s="109"/>
      <c r="M84" s="109"/>
      <c r="N84" s="109"/>
      <c r="O84" s="109"/>
      <c r="P84" s="109"/>
      <c r="Q84" s="109"/>
      <c r="R84" s="109"/>
      <c r="S84" s="109"/>
      <c r="T84" s="109"/>
      <c r="U84" s="109"/>
      <c r="V84" s="109"/>
      <c r="W84" s="110"/>
      <c r="X84" s="1"/>
    </row>
    <row r="85" spans="1:24" ht="7.5" customHeight="1">
      <c r="A85" s="33"/>
      <c r="B85" s="157"/>
      <c r="C85" s="106"/>
      <c r="D85" s="105"/>
      <c r="E85" s="106"/>
      <c r="F85" s="114"/>
      <c r="G85" s="107"/>
      <c r="H85" s="107"/>
      <c r="I85" s="108"/>
      <c r="J85" s="111"/>
      <c r="K85" s="111"/>
      <c r="L85" s="111"/>
      <c r="M85" s="111"/>
      <c r="N85" s="111"/>
      <c r="O85" s="111"/>
      <c r="P85" s="111"/>
      <c r="Q85" s="111"/>
      <c r="R85" s="111"/>
      <c r="S85" s="111"/>
      <c r="T85" s="111"/>
      <c r="U85" s="111"/>
      <c r="V85" s="111"/>
      <c r="W85" s="112"/>
      <c r="X85" s="1"/>
    </row>
    <row r="86" spans="1:24" ht="7.5" customHeight="1">
      <c r="A86" s="33"/>
      <c r="B86" s="157"/>
      <c r="C86" s="106"/>
      <c r="D86" s="105"/>
      <c r="E86" s="106"/>
      <c r="F86" s="113" t="s">
        <v>27</v>
      </c>
      <c r="G86" s="103"/>
      <c r="H86" s="103"/>
      <c r="I86" s="104"/>
      <c r="J86" s="109"/>
      <c r="K86" s="109"/>
      <c r="L86" s="109"/>
      <c r="M86" s="109"/>
      <c r="N86" s="109"/>
      <c r="O86" s="109"/>
      <c r="P86" s="109"/>
      <c r="Q86" s="109"/>
      <c r="R86" s="109"/>
      <c r="S86" s="109"/>
      <c r="T86" s="109"/>
      <c r="U86" s="109"/>
      <c r="V86" s="109"/>
      <c r="W86" s="110"/>
      <c r="X86" s="1"/>
    </row>
    <row r="87" spans="1:24" ht="7.5" customHeight="1">
      <c r="A87" s="33"/>
      <c r="B87" s="157"/>
      <c r="C87" s="106"/>
      <c r="D87" s="105"/>
      <c r="E87" s="106"/>
      <c r="F87" s="114"/>
      <c r="G87" s="107"/>
      <c r="H87" s="107"/>
      <c r="I87" s="108"/>
      <c r="J87" s="111"/>
      <c r="K87" s="111"/>
      <c r="L87" s="111"/>
      <c r="M87" s="111"/>
      <c r="N87" s="111"/>
      <c r="O87" s="111"/>
      <c r="P87" s="111"/>
      <c r="Q87" s="111"/>
      <c r="R87" s="111"/>
      <c r="S87" s="111"/>
      <c r="T87" s="111"/>
      <c r="U87" s="111"/>
      <c r="V87" s="111"/>
      <c r="W87" s="112"/>
      <c r="X87" s="1"/>
    </row>
    <row r="88" spans="1:24" ht="7.5" customHeight="1">
      <c r="A88" s="33"/>
      <c r="B88" s="157"/>
      <c r="C88" s="106"/>
      <c r="D88" s="105"/>
      <c r="E88" s="106"/>
      <c r="F88" s="113" t="s">
        <v>29</v>
      </c>
      <c r="G88" s="103"/>
      <c r="H88" s="103"/>
      <c r="I88" s="104"/>
      <c r="J88" s="133"/>
      <c r="K88" s="109"/>
      <c r="L88" s="109"/>
      <c r="M88" s="109"/>
      <c r="N88" s="109"/>
      <c r="O88" s="110"/>
      <c r="P88" s="113" t="s">
        <v>42</v>
      </c>
      <c r="Q88" s="104"/>
      <c r="R88" s="133"/>
      <c r="S88" s="109"/>
      <c r="T88" s="109"/>
      <c r="U88" s="109"/>
      <c r="V88" s="109"/>
      <c r="W88" s="110"/>
      <c r="X88" s="1"/>
    </row>
    <row r="89" spans="1:24" ht="7.5" customHeight="1">
      <c r="A89" s="33"/>
      <c r="B89" s="157"/>
      <c r="C89" s="106"/>
      <c r="D89" s="105"/>
      <c r="E89" s="106"/>
      <c r="F89" s="114"/>
      <c r="G89" s="107"/>
      <c r="H89" s="107"/>
      <c r="I89" s="108"/>
      <c r="J89" s="134"/>
      <c r="K89" s="111"/>
      <c r="L89" s="111"/>
      <c r="M89" s="111"/>
      <c r="N89" s="111"/>
      <c r="O89" s="112"/>
      <c r="P89" s="114"/>
      <c r="Q89" s="108"/>
      <c r="R89" s="134"/>
      <c r="S89" s="111"/>
      <c r="T89" s="111"/>
      <c r="U89" s="111"/>
      <c r="V89" s="111"/>
      <c r="W89" s="112"/>
      <c r="X89" s="1"/>
    </row>
    <row r="90" spans="1:24" ht="12" customHeight="1">
      <c r="A90" s="33"/>
      <c r="B90" s="157"/>
      <c r="C90" s="106"/>
      <c r="D90" s="105"/>
      <c r="E90" s="106"/>
      <c r="F90" s="113" t="s">
        <v>32</v>
      </c>
      <c r="G90" s="103"/>
      <c r="H90" s="103"/>
      <c r="I90" s="104"/>
      <c r="J90" s="131" t="s">
        <v>37</v>
      </c>
      <c r="K90" s="131"/>
      <c r="L90" s="131"/>
      <c r="M90" s="131"/>
      <c r="N90" s="131"/>
      <c r="O90" s="14" t="s">
        <v>17</v>
      </c>
      <c r="P90" s="132" t="s">
        <v>37</v>
      </c>
      <c r="Q90" s="132"/>
      <c r="R90" s="132"/>
      <c r="S90" s="132"/>
      <c r="T90" s="132"/>
      <c r="U90" s="28"/>
      <c r="V90" s="28"/>
      <c r="W90" s="41"/>
      <c r="X90" s="1"/>
    </row>
    <row r="91" spans="1:24" ht="12" customHeight="1">
      <c r="A91" s="33"/>
      <c r="B91" s="114"/>
      <c r="C91" s="108"/>
      <c r="D91" s="107"/>
      <c r="E91" s="108"/>
      <c r="F91" s="114"/>
      <c r="G91" s="107"/>
      <c r="H91" s="107"/>
      <c r="I91" s="108"/>
      <c r="J91" s="15"/>
      <c r="K91" s="15"/>
      <c r="L91" s="15"/>
      <c r="M91" s="15"/>
      <c r="N91" s="15"/>
      <c r="O91" s="15"/>
      <c r="P91" s="21"/>
      <c r="Q91" s="21" t="s">
        <v>18</v>
      </c>
      <c r="R91" s="67" t="str">
        <f>IF(ISERROR(DATEDIF(J90,P90+1,"Y")),"",DATEDIF(J90,P90+1,"Y"))</f>
        <v/>
      </c>
      <c r="S91" s="67" t="s">
        <v>8</v>
      </c>
      <c r="T91" s="67" t="str">
        <f>IF(ISERROR(DATEDIF(J90,P90+1,"YM")),"",DATEDIF(J90,P90+1,"YM"))</f>
        <v/>
      </c>
      <c r="U91" s="67" t="s">
        <v>104</v>
      </c>
      <c r="V91" s="67" t="s">
        <v>105</v>
      </c>
      <c r="W91" s="42" t="s">
        <v>19</v>
      </c>
      <c r="X91" s="1"/>
    </row>
    <row r="92" spans="1:24" ht="8.1" customHeight="1">
      <c r="A92" s="33"/>
      <c r="B92" s="72"/>
      <c r="C92" s="72"/>
      <c r="D92" s="70"/>
      <c r="E92" s="70"/>
      <c r="F92" s="70"/>
      <c r="G92" s="70"/>
      <c r="H92" s="70"/>
      <c r="I92" s="70"/>
      <c r="J92" s="72"/>
      <c r="K92" s="72"/>
      <c r="L92" s="72"/>
      <c r="M92" s="72"/>
      <c r="N92" s="72"/>
      <c r="O92" s="72"/>
      <c r="P92" s="73"/>
      <c r="Q92" s="73"/>
      <c r="R92" s="68"/>
      <c r="S92" s="68"/>
      <c r="T92" s="68"/>
      <c r="U92" s="68"/>
      <c r="V92" s="68"/>
      <c r="W92" s="73"/>
      <c r="X92" s="1"/>
    </row>
    <row r="93" spans="1:24" ht="17.100000000000001" customHeight="1">
      <c r="A93" s="33"/>
      <c r="B93" s="40" t="s">
        <v>64</v>
      </c>
      <c r="C93" s="35"/>
      <c r="D93" s="35"/>
      <c r="E93" s="71"/>
      <c r="F93" s="36"/>
      <c r="G93" s="36"/>
      <c r="H93" s="36"/>
      <c r="I93" s="36"/>
      <c r="J93" s="36"/>
      <c r="K93" s="36"/>
      <c r="L93" s="36"/>
      <c r="M93" s="36"/>
      <c r="N93" s="36"/>
      <c r="O93" s="36"/>
      <c r="P93" s="36"/>
      <c r="Q93" s="36"/>
      <c r="R93" s="36"/>
      <c r="S93" s="36"/>
      <c r="T93" s="36"/>
      <c r="U93" s="36"/>
      <c r="V93" s="36"/>
      <c r="W93" s="36"/>
      <c r="X93" s="1"/>
    </row>
    <row r="94" spans="1:24" ht="16.5" customHeight="1">
      <c r="A94" s="33"/>
      <c r="B94" s="234" t="s">
        <v>65</v>
      </c>
      <c r="C94" s="235"/>
      <c r="D94" s="235"/>
      <c r="E94" s="235"/>
      <c r="F94" s="235"/>
      <c r="G94" s="235"/>
      <c r="H94" s="235"/>
      <c r="I94" s="235"/>
      <c r="J94" s="236"/>
      <c r="K94" s="234" t="s">
        <v>67</v>
      </c>
      <c r="L94" s="235"/>
      <c r="M94" s="235"/>
      <c r="N94" s="235"/>
      <c r="O94" s="236"/>
      <c r="P94" s="234" t="s">
        <v>68</v>
      </c>
      <c r="Q94" s="235"/>
      <c r="R94" s="235"/>
      <c r="S94" s="235"/>
      <c r="T94" s="235"/>
      <c r="U94" s="236"/>
      <c r="V94" s="234" t="s">
        <v>69</v>
      </c>
      <c r="W94" s="236"/>
      <c r="X94" s="1"/>
    </row>
    <row r="95" spans="1:24" s="28" customFormat="1" ht="16.5" customHeight="1">
      <c r="A95" s="33"/>
      <c r="B95" s="240" t="s">
        <v>66</v>
      </c>
      <c r="C95" s="241"/>
      <c r="D95" s="241"/>
      <c r="E95" s="241"/>
      <c r="F95" s="69" t="s">
        <v>110</v>
      </c>
      <c r="G95" s="241" t="s">
        <v>66</v>
      </c>
      <c r="H95" s="241"/>
      <c r="I95" s="241"/>
      <c r="J95" s="242"/>
      <c r="K95" s="67" t="str">
        <f>IF(ISERROR(DATEDIF(B95,G95+1,"Y")),"",DATEDIF(B95,G95+1,"Y"))</f>
        <v/>
      </c>
      <c r="L95" s="74" t="s">
        <v>8</v>
      </c>
      <c r="M95" s="67" t="str">
        <f>IF(ISERROR(DATEDIF(B95,G95+1,"YM")),"",DATEDIF(B95,G95+1,"YM"))</f>
        <v/>
      </c>
      <c r="N95" s="75" t="s">
        <v>108</v>
      </c>
      <c r="O95" s="76" t="s">
        <v>105</v>
      </c>
      <c r="P95" s="237"/>
      <c r="Q95" s="238"/>
      <c r="R95" s="238"/>
      <c r="S95" s="238"/>
      <c r="T95" s="238"/>
      <c r="U95" s="239"/>
      <c r="V95" s="230"/>
      <c r="W95" s="231"/>
      <c r="X95" s="1"/>
    </row>
    <row r="96" spans="1:24" s="28" customFormat="1" ht="16.5" customHeight="1">
      <c r="A96" s="33"/>
      <c r="B96" s="240" t="s">
        <v>66</v>
      </c>
      <c r="C96" s="241"/>
      <c r="D96" s="241"/>
      <c r="E96" s="241"/>
      <c r="F96" s="69" t="s">
        <v>109</v>
      </c>
      <c r="G96" s="241" t="s">
        <v>66</v>
      </c>
      <c r="H96" s="241"/>
      <c r="I96" s="241"/>
      <c r="J96" s="242"/>
      <c r="K96" s="67" t="str">
        <f>IF(ISERROR(DATEDIF(B96,G96+1,"Y")),"",DATEDIF(B96,G96+1,"Y"))</f>
        <v/>
      </c>
      <c r="L96" s="74" t="s">
        <v>8</v>
      </c>
      <c r="M96" s="67" t="str">
        <f>IF(ISERROR(DATEDIF(B96,G96+1,"YM")),"",DATEDIF(B96,G96+1,"YM"))</f>
        <v/>
      </c>
      <c r="N96" s="75" t="s">
        <v>108</v>
      </c>
      <c r="O96" s="76" t="s">
        <v>105</v>
      </c>
      <c r="P96" s="237"/>
      <c r="Q96" s="238"/>
      <c r="R96" s="238"/>
      <c r="S96" s="238"/>
      <c r="T96" s="238"/>
      <c r="U96" s="239"/>
      <c r="V96" s="230"/>
      <c r="W96" s="231"/>
      <c r="X96" s="1"/>
    </row>
    <row r="97" spans="1:24" s="28" customFormat="1" ht="16.5" customHeight="1">
      <c r="A97" s="33"/>
      <c r="B97" s="240" t="s">
        <v>66</v>
      </c>
      <c r="C97" s="241"/>
      <c r="D97" s="241"/>
      <c r="E97" s="241"/>
      <c r="F97" s="69" t="s">
        <v>109</v>
      </c>
      <c r="G97" s="241" t="s">
        <v>66</v>
      </c>
      <c r="H97" s="241"/>
      <c r="I97" s="241"/>
      <c r="J97" s="242"/>
      <c r="K97" s="67" t="str">
        <f>IF(ISERROR(DATEDIF(B97,G97+1,"Y")),"",DATEDIF(B97,G97+1,"Y"))</f>
        <v/>
      </c>
      <c r="L97" s="74" t="s">
        <v>8</v>
      </c>
      <c r="M97" s="67" t="str">
        <f>IF(ISERROR(DATEDIF(B97,G97+1,"YM")),"",DATEDIF(B97,G97+1,"YM"))</f>
        <v/>
      </c>
      <c r="N97" s="75" t="s">
        <v>108</v>
      </c>
      <c r="O97" s="76" t="s">
        <v>105</v>
      </c>
      <c r="P97" s="237"/>
      <c r="Q97" s="238"/>
      <c r="R97" s="238"/>
      <c r="S97" s="238"/>
      <c r="T97" s="238"/>
      <c r="U97" s="239"/>
      <c r="V97" s="230"/>
      <c r="W97" s="231"/>
      <c r="X97" s="1"/>
    </row>
    <row r="98" spans="1:24" s="28" customFormat="1" ht="16.5" customHeight="1">
      <c r="A98" s="33"/>
      <c r="B98" s="240" t="s">
        <v>66</v>
      </c>
      <c r="C98" s="241"/>
      <c r="D98" s="241"/>
      <c r="E98" s="241"/>
      <c r="F98" s="69" t="s">
        <v>109</v>
      </c>
      <c r="G98" s="241" t="s">
        <v>66</v>
      </c>
      <c r="H98" s="241"/>
      <c r="I98" s="241"/>
      <c r="J98" s="242"/>
      <c r="K98" s="67" t="str">
        <f>IF(ISERROR(DATEDIF(B98,G98+1,"Y")),"",DATEDIF(B98,G98+1,"Y"))</f>
        <v/>
      </c>
      <c r="L98" s="74" t="s">
        <v>8</v>
      </c>
      <c r="M98" s="67" t="str">
        <f>IF(ISERROR(DATEDIF(B98,G98+1,"YM")),"",DATEDIF(B98,G98+1,"YM"))</f>
        <v/>
      </c>
      <c r="N98" s="75" t="s">
        <v>108</v>
      </c>
      <c r="O98" s="76" t="s">
        <v>105</v>
      </c>
      <c r="P98" s="237"/>
      <c r="Q98" s="238"/>
      <c r="R98" s="238"/>
      <c r="S98" s="238"/>
      <c r="T98" s="238"/>
      <c r="U98" s="239"/>
      <c r="V98" s="230"/>
      <c r="W98" s="231"/>
      <c r="X98" s="1"/>
    </row>
    <row r="99" spans="1:24" ht="16.5" customHeight="1">
      <c r="A99" s="33"/>
      <c r="B99" s="28"/>
      <c r="C99" s="28"/>
      <c r="D99" s="28"/>
      <c r="E99" s="28"/>
      <c r="F99" s="28"/>
      <c r="G99" s="28"/>
      <c r="H99" s="28"/>
      <c r="I99" s="28"/>
      <c r="J99" s="28"/>
      <c r="K99" s="28"/>
      <c r="L99" s="28"/>
      <c r="M99" s="28"/>
      <c r="N99" s="28"/>
      <c r="O99" s="28"/>
      <c r="P99" s="28"/>
      <c r="Q99" s="28"/>
      <c r="R99" s="28"/>
      <c r="S99" s="28"/>
      <c r="T99" s="28"/>
      <c r="U99" s="28"/>
      <c r="V99" s="28"/>
      <c r="W99" s="28"/>
      <c r="X99" s="1"/>
    </row>
    <row r="100" spans="1:24" ht="17.100000000000001" customHeight="1">
      <c r="A100" s="33"/>
      <c r="B100" s="40" t="s">
        <v>72</v>
      </c>
      <c r="C100" s="35"/>
      <c r="D100" s="35"/>
      <c r="E100" s="71"/>
      <c r="F100" s="232"/>
      <c r="G100" s="232"/>
      <c r="H100" s="232"/>
      <c r="I100" s="232"/>
      <c r="J100" s="232"/>
      <c r="K100" s="232"/>
      <c r="L100" s="232"/>
      <c r="M100" s="232"/>
      <c r="N100" s="232"/>
      <c r="O100" s="232"/>
      <c r="P100" s="232"/>
      <c r="Q100" s="232"/>
      <c r="R100" s="232"/>
      <c r="S100" s="232"/>
      <c r="T100" s="232"/>
      <c r="U100" s="232"/>
      <c r="V100" s="232"/>
      <c r="W100" s="232"/>
      <c r="X100" s="1"/>
    </row>
    <row r="101" spans="1:24" ht="16.5" customHeight="1">
      <c r="A101" s="33"/>
      <c r="B101" s="77"/>
      <c r="C101" s="78"/>
      <c r="D101" s="78"/>
      <c r="E101" s="79"/>
      <c r="F101" s="233"/>
      <c r="G101" s="233"/>
      <c r="H101" s="233"/>
      <c r="I101" s="233"/>
      <c r="J101" s="233"/>
      <c r="K101" s="233"/>
      <c r="L101" s="233"/>
      <c r="M101" s="233"/>
      <c r="N101" s="233"/>
      <c r="O101" s="233"/>
      <c r="P101" s="233"/>
      <c r="Q101" s="233"/>
      <c r="R101" s="233"/>
      <c r="S101" s="233"/>
      <c r="T101" s="233"/>
      <c r="U101" s="233"/>
      <c r="V101" s="233"/>
      <c r="W101" s="233"/>
      <c r="X101" s="1"/>
    </row>
    <row r="102" spans="1:24" ht="16.5" customHeight="1">
      <c r="A102" s="33"/>
      <c r="B102" s="77"/>
      <c r="C102" s="78"/>
      <c r="D102" s="78"/>
      <c r="E102" s="79"/>
      <c r="F102" s="80"/>
      <c r="G102" s="80"/>
      <c r="H102" s="80"/>
      <c r="I102" s="80"/>
      <c r="J102" s="80"/>
      <c r="K102" s="80"/>
      <c r="L102" s="80"/>
      <c r="M102" s="80"/>
      <c r="N102" s="80"/>
      <c r="O102" s="80"/>
      <c r="P102" s="80"/>
      <c r="Q102" s="80"/>
      <c r="R102" s="80"/>
      <c r="S102" s="80"/>
      <c r="T102" s="80"/>
      <c r="U102" s="80"/>
      <c r="V102" s="80"/>
      <c r="W102" s="80"/>
      <c r="X102" s="1"/>
    </row>
    <row r="103" spans="1:24" ht="7.5" customHeight="1">
      <c r="A103" s="33"/>
      <c r="B103" s="28"/>
      <c r="C103" s="28"/>
      <c r="D103" s="28"/>
      <c r="E103" s="28"/>
      <c r="F103" s="28"/>
      <c r="G103" s="28"/>
      <c r="H103" s="28"/>
      <c r="I103" s="28"/>
      <c r="J103" s="28"/>
      <c r="K103" s="28"/>
      <c r="L103" s="28"/>
      <c r="M103" s="28"/>
      <c r="N103" s="28"/>
      <c r="O103" s="28"/>
      <c r="P103" s="28"/>
      <c r="Q103" s="28"/>
      <c r="R103" s="28"/>
      <c r="S103" s="28"/>
      <c r="T103" s="28"/>
      <c r="U103" s="28"/>
      <c r="V103" s="28"/>
      <c r="W103" s="28"/>
      <c r="X103" s="1"/>
    </row>
    <row r="104" spans="1:24" ht="7.5" customHeight="1">
      <c r="A104" s="33"/>
      <c r="B104" s="28"/>
      <c r="C104" s="28"/>
      <c r="D104" s="28"/>
      <c r="E104" s="28"/>
      <c r="F104" s="28"/>
      <c r="G104" s="28"/>
      <c r="H104" s="28"/>
      <c r="I104" s="28"/>
      <c r="J104" s="28"/>
      <c r="K104" s="28"/>
      <c r="L104" s="28"/>
      <c r="M104" s="28"/>
      <c r="N104" s="28"/>
      <c r="O104" s="28"/>
      <c r="P104" s="28"/>
      <c r="Q104" s="28"/>
      <c r="R104" s="28"/>
      <c r="S104" s="28"/>
      <c r="T104" s="28"/>
      <c r="U104" s="28"/>
      <c r="V104" s="28"/>
      <c r="W104" s="28"/>
      <c r="X104" s="1"/>
    </row>
    <row r="105" spans="1:24" ht="7.5" customHeight="1">
      <c r="A105" s="33"/>
      <c r="B105" s="28"/>
      <c r="C105" s="28"/>
      <c r="D105" s="28"/>
      <c r="E105" s="28"/>
      <c r="F105" s="28"/>
      <c r="G105" s="28"/>
      <c r="H105" s="28"/>
      <c r="I105" s="28"/>
      <c r="J105" s="28"/>
      <c r="K105" s="28"/>
      <c r="L105" s="28"/>
      <c r="M105" s="28"/>
      <c r="N105" s="28"/>
      <c r="O105" s="28"/>
      <c r="P105" s="28"/>
      <c r="Q105" s="28"/>
      <c r="R105" s="28"/>
      <c r="S105" s="28"/>
      <c r="T105" s="28"/>
      <c r="U105" s="28"/>
      <c r="V105" s="28"/>
      <c r="W105" s="28"/>
      <c r="X105" s="1"/>
    </row>
    <row r="106" spans="1:24" ht="12" customHeight="1">
      <c r="A106" s="33"/>
      <c r="B106" s="28"/>
      <c r="C106" s="28"/>
      <c r="D106" s="28"/>
      <c r="E106" s="28"/>
      <c r="F106" s="28"/>
      <c r="G106" s="28"/>
      <c r="H106" s="28"/>
      <c r="I106" s="28"/>
      <c r="J106" s="28"/>
      <c r="K106" s="28"/>
      <c r="L106" s="28"/>
      <c r="M106" s="28"/>
      <c r="N106" s="28"/>
      <c r="O106" s="28"/>
      <c r="P106" s="28"/>
      <c r="Q106" s="28"/>
      <c r="R106" s="28"/>
      <c r="S106" s="28"/>
      <c r="T106" s="28"/>
      <c r="U106" s="28"/>
      <c r="V106" s="28"/>
      <c r="W106" s="28"/>
      <c r="X106" s="1"/>
    </row>
    <row r="107" spans="1:24" ht="12" customHeight="1" thickBot="1">
      <c r="A107" s="37"/>
      <c r="B107" s="81"/>
      <c r="C107" s="81"/>
      <c r="D107" s="81"/>
      <c r="E107" s="81"/>
      <c r="F107" s="81"/>
      <c r="G107" s="81"/>
      <c r="H107" s="81"/>
      <c r="I107" s="81"/>
      <c r="J107" s="81"/>
      <c r="K107" s="81"/>
      <c r="L107" s="81"/>
      <c r="M107" s="81"/>
      <c r="N107" s="81"/>
      <c r="O107" s="81"/>
      <c r="P107" s="81"/>
      <c r="Q107" s="81"/>
      <c r="R107" s="81"/>
      <c r="S107" s="81"/>
      <c r="T107" s="81"/>
      <c r="U107" s="81"/>
      <c r="V107" s="81"/>
      <c r="W107" s="81"/>
      <c r="X107" s="38"/>
    </row>
    <row r="108" spans="1:24" ht="7.5" customHeight="1"/>
    <row r="109" spans="1:24" ht="7.5" customHeight="1"/>
    <row r="110" spans="1:24" ht="7.5" customHeight="1"/>
    <row r="111" spans="1:24" ht="7.5" customHeight="1"/>
    <row r="112" spans="1:24" ht="7.5" customHeight="1"/>
    <row r="113" ht="7.5" customHeight="1"/>
    <row r="114" ht="12" customHeight="1"/>
    <row r="115" ht="12" customHeight="1"/>
    <row r="119" ht="24.6" customHeight="1"/>
    <row r="126" ht="16.5" customHeight="1"/>
    <row r="129" ht="14.1" customHeight="1"/>
    <row r="131" ht="14.1" customHeight="1"/>
    <row r="133" ht="14.1" customHeight="1"/>
    <row r="135" ht="14.1" customHeight="1"/>
    <row r="137" ht="14.1" customHeight="1"/>
    <row r="139" ht="14.1" customHeight="1"/>
    <row r="141" ht="14.1" customHeight="1"/>
    <row r="143" ht="14.1" customHeight="1"/>
    <row r="145" ht="14.1" customHeight="1"/>
    <row r="147" ht="14.1" customHeight="1"/>
    <row r="149" ht="14.1" customHeight="1"/>
    <row r="151" ht="14.1" customHeight="1"/>
    <row r="153" ht="14.1" customHeight="1"/>
    <row r="155" ht="14.1" customHeight="1"/>
    <row r="157" ht="14.1" customHeight="1"/>
    <row r="159" ht="14.1" customHeight="1"/>
    <row r="161" ht="14.1" customHeight="1"/>
    <row r="163" ht="14.1" customHeight="1"/>
    <row r="165" ht="14.1" customHeight="1"/>
    <row r="167" ht="14.1" customHeight="1"/>
    <row r="169" ht="14.1" customHeight="1"/>
    <row r="171" ht="14.1" customHeight="1"/>
    <row r="173" ht="14.1" customHeight="1"/>
    <row r="175" ht="14.1" customHeight="1"/>
    <row r="177" ht="14.1" customHeight="1"/>
    <row r="179" ht="14.1" customHeight="1"/>
    <row r="181" ht="14.1" customHeight="1"/>
    <row r="183" ht="14.1" customHeight="1"/>
    <row r="185" ht="14.1" customHeight="1"/>
    <row r="187" ht="14.1" customHeight="1"/>
    <row r="189" ht="14.1" customHeight="1"/>
    <row r="191" ht="14.1" customHeight="1"/>
    <row r="193" ht="14.1" customHeight="1"/>
    <row r="195" ht="14.1" customHeight="1"/>
    <row r="197" ht="14.1" customHeight="1"/>
    <row r="199" ht="14.1" customHeight="1"/>
    <row r="201" ht="14.1" customHeight="1"/>
  </sheetData>
  <dataConsolidate/>
  <mergeCells count="158">
    <mergeCell ref="V98:W98"/>
    <mergeCell ref="F100:W100"/>
    <mergeCell ref="F101:W101"/>
    <mergeCell ref="B94:J94"/>
    <mergeCell ref="K94:O94"/>
    <mergeCell ref="P94:U94"/>
    <mergeCell ref="P95:U95"/>
    <mergeCell ref="P96:U96"/>
    <mergeCell ref="P97:U97"/>
    <mergeCell ref="B98:E98"/>
    <mergeCell ref="G98:J98"/>
    <mergeCell ref="P98:U98"/>
    <mergeCell ref="V95:W95"/>
    <mergeCell ref="B96:E96"/>
    <mergeCell ref="G96:J96"/>
    <mergeCell ref="V96:W96"/>
    <mergeCell ref="G97:J97"/>
    <mergeCell ref="V97:W97"/>
    <mergeCell ref="V94:W94"/>
    <mergeCell ref="B97:E97"/>
    <mergeCell ref="B95:E95"/>
    <mergeCell ref="G95:J95"/>
    <mergeCell ref="D84:E91"/>
    <mergeCell ref="F84:I85"/>
    <mergeCell ref="J84:W85"/>
    <mergeCell ref="F86:I87"/>
    <mergeCell ref="J86:W87"/>
    <mergeCell ref="F88:I89"/>
    <mergeCell ref="F90:I91"/>
    <mergeCell ref="J90:N90"/>
    <mergeCell ref="P90:T90"/>
    <mergeCell ref="J88:O89"/>
    <mergeCell ref="P88:Q89"/>
    <mergeCell ref="R88:W89"/>
    <mergeCell ref="B5:E5"/>
    <mergeCell ref="F5:L5"/>
    <mergeCell ref="M5:P8"/>
    <mergeCell ref="B6:E7"/>
    <mergeCell ref="F6:L7"/>
    <mergeCell ref="S7:T7"/>
    <mergeCell ref="B8:E8"/>
    <mergeCell ref="S8:T8"/>
    <mergeCell ref="R6:V6"/>
    <mergeCell ref="H8:J8"/>
    <mergeCell ref="F38:W38"/>
    <mergeCell ref="B35:E36"/>
    <mergeCell ref="F35:L36"/>
    <mergeCell ref="F23:J23"/>
    <mergeCell ref="F24:J24"/>
    <mergeCell ref="F25:J25"/>
    <mergeCell ref="F26:J26"/>
    <mergeCell ref="B32:F32"/>
    <mergeCell ref="B22:E27"/>
    <mergeCell ref="B34:E34"/>
    <mergeCell ref="F34:L34"/>
    <mergeCell ref="M34:P37"/>
    <mergeCell ref="R35:V35"/>
    <mergeCell ref="S36:T36"/>
    <mergeCell ref="B14:E21"/>
    <mergeCell ref="F14:W21"/>
    <mergeCell ref="B11:E12"/>
    <mergeCell ref="F11:L12"/>
    <mergeCell ref="M11:P12"/>
    <mergeCell ref="W11:W12"/>
    <mergeCell ref="B37:E37"/>
    <mergeCell ref="H37:J37"/>
    <mergeCell ref="B28:E28"/>
    <mergeCell ref="F28:W28"/>
    <mergeCell ref="F60:I61"/>
    <mergeCell ref="J42:W43"/>
    <mergeCell ref="J46:W47"/>
    <mergeCell ref="J48:N49"/>
    <mergeCell ref="O48:R49"/>
    <mergeCell ref="S48:W49"/>
    <mergeCell ref="F64:I65"/>
    <mergeCell ref="F58:I59"/>
    <mergeCell ref="V39:W39"/>
    <mergeCell ref="P50:T50"/>
    <mergeCell ref="J52:W53"/>
    <mergeCell ref="J54:W55"/>
    <mergeCell ref="J58:N58"/>
    <mergeCell ref="P58:T58"/>
    <mergeCell ref="F56:I57"/>
    <mergeCell ref="J56:O57"/>
    <mergeCell ref="P56:Q57"/>
    <mergeCell ref="R56:W57"/>
    <mergeCell ref="J64:O65"/>
    <mergeCell ref="P64:Q65"/>
    <mergeCell ref="R64:W65"/>
    <mergeCell ref="J3:L4"/>
    <mergeCell ref="M3:N3"/>
    <mergeCell ref="M4:N4"/>
    <mergeCell ref="B3:I3"/>
    <mergeCell ref="B9:E10"/>
    <mergeCell ref="F9:W10"/>
    <mergeCell ref="O3:W3"/>
    <mergeCell ref="O4:W4"/>
    <mergeCell ref="D52:E59"/>
    <mergeCell ref="F39:J39"/>
    <mergeCell ref="F54:I55"/>
    <mergeCell ref="B42:E51"/>
    <mergeCell ref="B52:C91"/>
    <mergeCell ref="D68:E75"/>
    <mergeCell ref="F68:I69"/>
    <mergeCell ref="B13:E13"/>
    <mergeCell ref="F27:J27"/>
    <mergeCell ref="K22:W22"/>
    <mergeCell ref="K23:W23"/>
    <mergeCell ref="K24:W24"/>
    <mergeCell ref="K25:W25"/>
    <mergeCell ref="F22:J22"/>
    <mergeCell ref="V11:V12"/>
    <mergeCell ref="K26:W26"/>
    <mergeCell ref="F80:I81"/>
    <mergeCell ref="F78:I79"/>
    <mergeCell ref="J66:N66"/>
    <mergeCell ref="J68:W69"/>
    <mergeCell ref="J70:W71"/>
    <mergeCell ref="J74:N74"/>
    <mergeCell ref="P74:T74"/>
    <mergeCell ref="D76:E83"/>
    <mergeCell ref="J76:W77"/>
    <mergeCell ref="J78:W79"/>
    <mergeCell ref="F82:I83"/>
    <mergeCell ref="J82:N82"/>
    <mergeCell ref="P82:T82"/>
    <mergeCell ref="J80:O81"/>
    <mergeCell ref="P80:Q81"/>
    <mergeCell ref="R80:W81"/>
    <mergeCell ref="F66:I67"/>
    <mergeCell ref="P66:T66"/>
    <mergeCell ref="J72:O73"/>
    <mergeCell ref="P72:Q73"/>
    <mergeCell ref="R72:W73"/>
    <mergeCell ref="Q2:W2"/>
    <mergeCell ref="D60:E67"/>
    <mergeCell ref="J60:W61"/>
    <mergeCell ref="J62:W63"/>
    <mergeCell ref="F72:I73"/>
    <mergeCell ref="F70:I71"/>
    <mergeCell ref="F74:I75"/>
    <mergeCell ref="F76:I77"/>
    <mergeCell ref="F62:I63"/>
    <mergeCell ref="L39:U39"/>
    <mergeCell ref="S11:S12"/>
    <mergeCell ref="T11:U12"/>
    <mergeCell ref="Q11:R12"/>
    <mergeCell ref="K27:W27"/>
    <mergeCell ref="F13:W13"/>
    <mergeCell ref="S37:T37"/>
    <mergeCell ref="F52:I53"/>
    <mergeCell ref="J50:N50"/>
    <mergeCell ref="J44:W45"/>
    <mergeCell ref="F42:I43"/>
    <mergeCell ref="F46:I47"/>
    <mergeCell ref="F44:I45"/>
    <mergeCell ref="F48:I49"/>
    <mergeCell ref="F50:I51"/>
  </mergeCells>
  <phoneticPr fontId="8"/>
  <dataValidations count="4">
    <dataValidation imeMode="hiragana" allowBlank="1" showInputMessage="1" showErrorMessage="1" sqref="F5:L5 F34:L34"/>
    <dataValidation imeMode="on" allowBlank="1" showInputMessage="1" showErrorMessage="1" sqref="F6:L7 F9:W10 F35:L36"/>
    <dataValidation imeMode="off" allowBlank="1" showInputMessage="1" showErrorMessage="1" sqref="R6 J66:N66 J58:N58 F23:J27 P74:T74 R35 P66:T66 J74:N74 J50:N50 P50:T50 P58:T58 J82:N82 P82:T82 J90:N90 P90:T90 F39"/>
    <dataValidation type="list" allowBlank="1" showInputMessage="1" showErrorMessage="1" sqref="H8:J8 H37:J37">
      <formula1>"男,女"</formula1>
    </dataValidation>
  </dataValidations>
  <printOptions horizontalCentered="1" verticalCentered="1"/>
  <pageMargins left="0.70866141732283472" right="0.51181102362204722" top="0.55118110236220474" bottom="0.31496062992125984" header="0.31496062992125984" footer="0.19685039370078741"/>
  <pageSetup paperSize="9" orientation="portrait" blackAndWhite="1" r:id="rId1"/>
  <rowBreaks count="1" manualBreakCount="1">
    <brk id="30" max="23" man="1"/>
  </rowBreak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F14"/>
  <sheetViews>
    <sheetView tabSelected="1" zoomScaleNormal="100" workbookViewId="0">
      <selection activeCell="O24" sqref="O24"/>
    </sheetView>
  </sheetViews>
  <sheetFormatPr defaultColWidth="9" defaultRowHeight="14.4"/>
  <cols>
    <col min="1" max="32" width="2.59765625" style="65" customWidth="1"/>
    <col min="33" max="16384" width="9" style="65"/>
  </cols>
  <sheetData>
    <row r="1" spans="1:32" ht="21" customHeight="1">
      <c r="A1" s="261" t="s">
        <v>90</v>
      </c>
      <c r="B1" s="261"/>
      <c r="C1" s="261"/>
      <c r="D1" s="261"/>
      <c r="E1" s="261"/>
      <c r="F1" s="261"/>
      <c r="G1" s="261"/>
      <c r="H1" s="261"/>
      <c r="I1" s="261"/>
      <c r="J1" s="261"/>
      <c r="K1" s="261"/>
      <c r="L1" s="261"/>
      <c r="M1" s="261"/>
      <c r="N1" s="261"/>
      <c r="O1" s="261"/>
      <c r="P1" s="261"/>
      <c r="Q1" s="261"/>
      <c r="R1" s="261"/>
      <c r="S1" s="261"/>
      <c r="T1" s="261"/>
      <c r="U1" s="261"/>
      <c r="V1" s="261"/>
      <c r="W1" s="261"/>
      <c r="X1" s="261"/>
      <c r="Y1" s="261"/>
      <c r="Z1" s="261"/>
      <c r="AA1" s="261"/>
      <c r="AB1" s="261"/>
      <c r="AC1" s="261"/>
      <c r="AD1" s="261"/>
      <c r="AE1" s="261"/>
      <c r="AF1" s="61"/>
    </row>
    <row r="2" spans="1:32" ht="21" customHeight="1">
      <c r="A2" s="62" t="s">
        <v>101</v>
      </c>
      <c r="B2" s="64"/>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1"/>
    </row>
    <row r="3" spans="1:32" ht="63" customHeight="1">
      <c r="A3" s="63"/>
      <c r="B3" s="262" t="s">
        <v>99</v>
      </c>
      <c r="C3" s="262"/>
      <c r="D3" s="262"/>
      <c r="E3" s="262"/>
      <c r="F3" s="262"/>
      <c r="G3" s="262"/>
      <c r="H3" s="262"/>
      <c r="I3" s="262"/>
      <c r="J3" s="262"/>
      <c r="K3" s="262"/>
      <c r="L3" s="262"/>
      <c r="M3" s="262"/>
      <c r="N3" s="262"/>
      <c r="O3" s="262"/>
      <c r="P3" s="262"/>
      <c r="Q3" s="262"/>
      <c r="R3" s="262"/>
      <c r="S3" s="262"/>
      <c r="T3" s="262"/>
      <c r="U3" s="262"/>
      <c r="V3" s="262"/>
      <c r="W3" s="262"/>
      <c r="X3" s="262"/>
      <c r="Y3" s="262"/>
      <c r="Z3" s="262"/>
      <c r="AA3" s="262"/>
      <c r="AB3" s="262"/>
      <c r="AC3" s="262"/>
      <c r="AD3" s="262"/>
      <c r="AE3" s="262"/>
      <c r="AF3" s="61"/>
    </row>
    <row r="4" spans="1:32" ht="21" customHeight="1" thickBot="1">
      <c r="A4" s="263" t="s">
        <v>91</v>
      </c>
      <c r="B4" s="263"/>
      <c r="C4" s="263"/>
      <c r="D4" s="263"/>
      <c r="E4" s="263"/>
      <c r="F4" s="263"/>
      <c r="G4" s="263"/>
      <c r="H4" s="263"/>
      <c r="I4" s="263"/>
      <c r="J4" s="263"/>
      <c r="K4" s="263"/>
      <c r="L4" s="263"/>
      <c r="M4" s="263"/>
      <c r="N4" s="263"/>
      <c r="O4" s="263"/>
      <c r="P4" s="263"/>
      <c r="Q4" s="263"/>
      <c r="R4" s="263"/>
      <c r="S4" s="263"/>
      <c r="T4" s="263"/>
      <c r="U4" s="263"/>
      <c r="V4" s="264"/>
      <c r="W4" s="264"/>
      <c r="X4" s="264"/>
      <c r="Y4" s="265"/>
      <c r="Z4" s="265"/>
      <c r="AA4" s="265"/>
      <c r="AB4" s="265"/>
      <c r="AC4" s="265"/>
      <c r="AD4" s="265"/>
      <c r="AE4" s="265"/>
      <c r="AF4" s="61"/>
    </row>
    <row r="5" spans="1:32" ht="21" customHeight="1">
      <c r="A5" s="258" t="s">
        <v>92</v>
      </c>
      <c r="B5" s="259"/>
      <c r="C5" s="259"/>
      <c r="D5" s="259"/>
      <c r="E5" s="259"/>
      <c r="F5" s="259"/>
      <c r="G5" s="259"/>
      <c r="H5" s="259"/>
      <c r="I5" s="259"/>
      <c r="J5" s="259"/>
      <c r="K5" s="259"/>
      <c r="L5" s="259"/>
      <c r="M5" s="259"/>
      <c r="N5" s="259"/>
      <c r="O5" s="259"/>
      <c r="P5" s="259"/>
      <c r="Q5" s="259"/>
      <c r="R5" s="259"/>
      <c r="S5" s="259"/>
      <c r="T5" s="259"/>
      <c r="U5" s="259"/>
      <c r="V5" s="259"/>
      <c r="W5" s="259"/>
      <c r="X5" s="259"/>
      <c r="Y5" s="259"/>
      <c r="Z5" s="259"/>
      <c r="AA5" s="259"/>
      <c r="AB5" s="259"/>
      <c r="AC5" s="259"/>
      <c r="AD5" s="259"/>
      <c r="AE5" s="260"/>
      <c r="AF5" s="61"/>
    </row>
    <row r="6" spans="1:32" ht="42" customHeight="1" thickBot="1">
      <c r="A6" s="266" t="s">
        <v>98</v>
      </c>
      <c r="B6" s="267"/>
      <c r="C6" s="267"/>
      <c r="D6" s="267"/>
      <c r="E6" s="267"/>
      <c r="F6" s="267"/>
      <c r="G6" s="267"/>
      <c r="H6" s="267"/>
      <c r="I6" s="267"/>
      <c r="J6" s="267"/>
      <c r="K6" s="267"/>
      <c r="L6" s="267"/>
      <c r="M6" s="267"/>
      <c r="N6" s="267"/>
      <c r="O6" s="267"/>
      <c r="P6" s="267"/>
      <c r="Q6" s="267"/>
      <c r="R6" s="267"/>
      <c r="S6" s="267"/>
      <c r="T6" s="267"/>
      <c r="U6" s="267"/>
      <c r="V6" s="267"/>
      <c r="W6" s="267"/>
      <c r="X6" s="267"/>
      <c r="Y6" s="268" t="s">
        <v>93</v>
      </c>
      <c r="Z6" s="269"/>
      <c r="AA6" s="269"/>
      <c r="AB6" s="269"/>
      <c r="AC6" s="269"/>
      <c r="AD6" s="269"/>
      <c r="AE6" s="270"/>
      <c r="AF6" s="61"/>
    </row>
    <row r="7" spans="1:32" ht="42" customHeight="1">
      <c r="A7" s="271" t="s">
        <v>100</v>
      </c>
      <c r="B7" s="271"/>
      <c r="C7" s="271"/>
      <c r="D7" s="271"/>
      <c r="E7" s="271"/>
      <c r="F7" s="271"/>
      <c r="G7" s="271"/>
      <c r="H7" s="271"/>
      <c r="I7" s="271"/>
      <c r="J7" s="271"/>
      <c r="K7" s="271"/>
      <c r="L7" s="271"/>
      <c r="M7" s="271"/>
      <c r="N7" s="271"/>
      <c r="O7" s="271"/>
      <c r="P7" s="271"/>
      <c r="Q7" s="271"/>
      <c r="R7" s="271"/>
      <c r="S7" s="271"/>
      <c r="T7" s="271"/>
      <c r="U7" s="271"/>
      <c r="V7" s="271"/>
      <c r="W7" s="271"/>
      <c r="X7" s="271"/>
      <c r="Y7" s="271"/>
      <c r="Z7" s="271"/>
      <c r="AA7" s="271"/>
      <c r="AB7" s="271"/>
      <c r="AC7" s="271"/>
      <c r="AD7" s="271"/>
      <c r="AE7" s="271"/>
      <c r="AF7" s="61"/>
    </row>
    <row r="8" spans="1:32" ht="21" customHeight="1" thickBot="1">
      <c r="A8" s="272" t="s">
        <v>94</v>
      </c>
      <c r="B8" s="272"/>
      <c r="C8" s="272"/>
      <c r="D8" s="272"/>
      <c r="E8" s="272"/>
      <c r="F8" s="272"/>
      <c r="G8" s="272"/>
      <c r="H8" s="272"/>
      <c r="I8" s="272"/>
      <c r="J8" s="272"/>
      <c r="K8" s="272"/>
      <c r="L8" s="272"/>
      <c r="M8" s="272"/>
      <c r="N8" s="272"/>
      <c r="O8" s="272"/>
      <c r="P8" s="272"/>
      <c r="Q8" s="272"/>
      <c r="R8" s="272"/>
      <c r="S8" s="272"/>
      <c r="T8" s="272"/>
      <c r="U8" s="272"/>
      <c r="V8" s="272"/>
      <c r="W8" s="272"/>
      <c r="X8" s="272"/>
      <c r="Y8" s="272"/>
      <c r="Z8" s="272"/>
      <c r="AA8" s="272"/>
      <c r="AB8" s="272"/>
      <c r="AC8" s="272"/>
      <c r="AD8" s="272"/>
      <c r="AE8" s="272"/>
      <c r="AF8" s="61"/>
    </row>
    <row r="9" spans="1:32" ht="21" customHeight="1" thickBot="1">
      <c r="A9" s="273" t="s">
        <v>95</v>
      </c>
      <c r="B9" s="274"/>
      <c r="C9" s="274"/>
      <c r="D9" s="274"/>
      <c r="E9" s="274"/>
      <c r="F9" s="274"/>
      <c r="G9" s="274"/>
      <c r="H9" s="274"/>
      <c r="I9" s="274"/>
      <c r="J9" s="274"/>
      <c r="K9" s="274"/>
      <c r="L9" s="274"/>
      <c r="M9" s="274" t="s">
        <v>96</v>
      </c>
      <c r="N9" s="274"/>
      <c r="O9" s="274"/>
      <c r="P9" s="274"/>
      <c r="Q9" s="274"/>
      <c r="R9" s="274"/>
      <c r="S9" s="274" t="s">
        <v>97</v>
      </c>
      <c r="T9" s="274"/>
      <c r="U9" s="274"/>
      <c r="V9" s="274"/>
      <c r="W9" s="274"/>
      <c r="X9" s="274"/>
      <c r="Y9" s="274"/>
      <c r="Z9" s="274"/>
      <c r="AA9" s="274"/>
      <c r="AB9" s="274"/>
      <c r="AC9" s="274"/>
      <c r="AD9" s="274"/>
      <c r="AE9" s="275"/>
      <c r="AF9" s="61"/>
    </row>
    <row r="10" spans="1:32" ht="21" customHeight="1" thickTop="1">
      <c r="A10" s="279"/>
      <c r="B10" s="280"/>
      <c r="C10" s="280"/>
      <c r="D10" s="280"/>
      <c r="E10" s="280"/>
      <c r="F10" s="280"/>
      <c r="G10" s="280"/>
      <c r="H10" s="280"/>
      <c r="I10" s="280"/>
      <c r="J10" s="280"/>
      <c r="K10" s="280"/>
      <c r="L10" s="280"/>
      <c r="M10" s="280"/>
      <c r="N10" s="280"/>
      <c r="O10" s="280"/>
      <c r="P10" s="280"/>
      <c r="Q10" s="280"/>
      <c r="R10" s="280"/>
      <c r="S10" s="280"/>
      <c r="T10" s="280"/>
      <c r="U10" s="280"/>
      <c r="V10" s="280"/>
      <c r="W10" s="280"/>
      <c r="X10" s="280"/>
      <c r="Y10" s="280"/>
      <c r="Z10" s="280"/>
      <c r="AA10" s="280"/>
      <c r="AB10" s="280"/>
      <c r="AC10" s="280"/>
      <c r="AD10" s="280"/>
      <c r="AE10" s="281"/>
      <c r="AF10" s="61"/>
    </row>
    <row r="11" spans="1:32" ht="21" customHeight="1">
      <c r="A11" s="282"/>
      <c r="B11" s="283"/>
      <c r="C11" s="283"/>
      <c r="D11" s="283"/>
      <c r="E11" s="283"/>
      <c r="F11" s="283"/>
      <c r="G11" s="283"/>
      <c r="H11" s="283"/>
      <c r="I11" s="283"/>
      <c r="J11" s="283"/>
      <c r="K11" s="283"/>
      <c r="L11" s="283"/>
      <c r="M11" s="283"/>
      <c r="N11" s="283"/>
      <c r="O11" s="283"/>
      <c r="P11" s="283"/>
      <c r="Q11" s="283"/>
      <c r="R11" s="283"/>
      <c r="S11" s="283"/>
      <c r="T11" s="283"/>
      <c r="U11" s="283"/>
      <c r="V11" s="283"/>
      <c r="W11" s="283"/>
      <c r="X11" s="283"/>
      <c r="Y11" s="283"/>
      <c r="Z11" s="283"/>
      <c r="AA11" s="283"/>
      <c r="AB11" s="283"/>
      <c r="AC11" s="283"/>
      <c r="AD11" s="283"/>
      <c r="AE11" s="284"/>
      <c r="AF11" s="61"/>
    </row>
    <row r="12" spans="1:32" ht="21" customHeight="1" thickBot="1">
      <c r="A12" s="276"/>
      <c r="B12" s="277"/>
      <c r="C12" s="277"/>
      <c r="D12" s="277"/>
      <c r="E12" s="277"/>
      <c r="F12" s="277"/>
      <c r="G12" s="277"/>
      <c r="H12" s="277"/>
      <c r="I12" s="277"/>
      <c r="J12" s="277"/>
      <c r="K12" s="277"/>
      <c r="L12" s="277"/>
      <c r="M12" s="277"/>
      <c r="N12" s="277"/>
      <c r="O12" s="277"/>
      <c r="P12" s="277"/>
      <c r="Q12" s="277"/>
      <c r="R12" s="277"/>
      <c r="S12" s="277"/>
      <c r="T12" s="277"/>
      <c r="U12" s="277"/>
      <c r="V12" s="277"/>
      <c r="W12" s="277"/>
      <c r="X12" s="277"/>
      <c r="Y12" s="277"/>
      <c r="Z12" s="277"/>
      <c r="AA12" s="277"/>
      <c r="AB12" s="277"/>
      <c r="AC12" s="277"/>
      <c r="AD12" s="277"/>
      <c r="AE12" s="278"/>
      <c r="AF12" s="61"/>
    </row>
    <row r="13" spans="1:32">
      <c r="A13" s="61"/>
      <c r="B13" s="61"/>
      <c r="C13" s="61"/>
      <c r="D13" s="61"/>
      <c r="E13" s="61"/>
      <c r="F13" s="61"/>
      <c r="G13" s="61"/>
      <c r="H13" s="61"/>
      <c r="I13" s="61"/>
      <c r="J13" s="61"/>
      <c r="K13" s="61"/>
      <c r="L13" s="61"/>
      <c r="M13" s="61"/>
      <c r="N13" s="61"/>
      <c r="O13" s="61"/>
      <c r="P13" s="61"/>
      <c r="Q13" s="61"/>
      <c r="R13" s="61"/>
      <c r="S13" s="61"/>
      <c r="T13" s="61"/>
      <c r="U13" s="61"/>
      <c r="V13" s="61"/>
      <c r="W13" s="61"/>
      <c r="X13" s="61"/>
      <c r="Y13" s="61"/>
      <c r="Z13" s="61"/>
      <c r="AA13" s="61"/>
      <c r="AB13" s="61"/>
      <c r="AC13" s="61"/>
      <c r="AD13" s="61"/>
      <c r="AE13" s="61"/>
      <c r="AF13" s="61"/>
    </row>
    <row r="14" spans="1:32">
      <c r="A14" s="61"/>
      <c r="B14" s="61" t="s">
        <v>122</v>
      </c>
      <c r="C14" s="61"/>
      <c r="D14" s="61"/>
      <c r="E14" s="61"/>
      <c r="F14" s="61"/>
      <c r="G14" s="61"/>
      <c r="H14" s="61"/>
      <c r="I14" s="61"/>
      <c r="J14" s="61"/>
      <c r="K14" s="61"/>
      <c r="L14" s="61"/>
      <c r="M14" s="61"/>
      <c r="N14" s="61"/>
      <c r="O14" s="61"/>
      <c r="P14" s="61"/>
      <c r="Q14" s="61"/>
      <c r="R14" s="61"/>
      <c r="S14" s="61"/>
      <c r="T14" s="61"/>
      <c r="U14" s="61"/>
      <c r="V14" s="61"/>
      <c r="W14" s="61"/>
      <c r="X14" s="61"/>
      <c r="Y14" s="61"/>
      <c r="Z14" s="61"/>
      <c r="AA14" s="61"/>
      <c r="AB14" s="61"/>
      <c r="AC14" s="61"/>
      <c r="AD14" s="61"/>
      <c r="AE14" s="61"/>
      <c r="AF14" s="61"/>
    </row>
  </sheetData>
  <mergeCells count="22">
    <mergeCell ref="A12:L12"/>
    <mergeCell ref="M12:R12"/>
    <mergeCell ref="S12:AE12"/>
    <mergeCell ref="A10:L10"/>
    <mergeCell ref="M10:R10"/>
    <mergeCell ref="S10:AE10"/>
    <mergeCell ref="A11:L11"/>
    <mergeCell ref="M11:R11"/>
    <mergeCell ref="S11:AE11"/>
    <mergeCell ref="A6:X6"/>
    <mergeCell ref="Y6:AE6"/>
    <mergeCell ref="A7:AE7"/>
    <mergeCell ref="A8:AE8"/>
    <mergeCell ref="A9:L9"/>
    <mergeCell ref="M9:R9"/>
    <mergeCell ref="S9:AE9"/>
    <mergeCell ref="A5:AE5"/>
    <mergeCell ref="A1:AE1"/>
    <mergeCell ref="B3:AE3"/>
    <mergeCell ref="A4:U4"/>
    <mergeCell ref="V4:X4"/>
    <mergeCell ref="Y4:AE4"/>
  </mergeCells>
  <phoneticPr fontId="8"/>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1" r:id="rId4" name="Check Box 1">
              <controlPr defaultSize="0" autoFill="0" autoLine="0" autoPict="0">
                <anchor moveWithCells="1">
                  <from>
                    <xdr:col>0</xdr:col>
                    <xdr:colOff>0</xdr:colOff>
                    <xdr:row>2</xdr:row>
                    <xdr:rowOff>0</xdr:rowOff>
                  </from>
                  <to>
                    <xdr:col>1</xdr:col>
                    <xdr:colOff>121920</xdr:colOff>
                    <xdr:row>2</xdr:row>
                    <xdr:rowOff>381000</xdr:rowOff>
                  </to>
                </anchor>
              </controlPr>
            </control>
          </mc:Choice>
        </mc:AlternateContent>
        <mc:AlternateContent xmlns:mc="http://schemas.openxmlformats.org/markup-compatibility/2006">
          <mc:Choice Requires="x14">
            <control shapeId="5122" r:id="rId5" name="Check Box 2">
              <controlPr defaultSize="0" autoFill="0" autoLine="0" autoPict="0">
                <anchor moveWithCells="1">
                  <from>
                    <xdr:col>25</xdr:col>
                    <xdr:colOff>152400</xdr:colOff>
                    <xdr:row>5</xdr:row>
                    <xdr:rowOff>83820</xdr:rowOff>
                  </from>
                  <to>
                    <xdr:col>27</xdr:col>
                    <xdr:colOff>68580</xdr:colOff>
                    <xdr:row>5</xdr:row>
                    <xdr:rowOff>464820</xdr:rowOff>
                  </to>
                </anchor>
              </controlPr>
            </control>
          </mc:Choice>
        </mc:AlternateContent>
        <mc:AlternateContent xmlns:mc="http://schemas.openxmlformats.org/markup-compatibility/2006">
          <mc:Choice Requires="x14">
            <control shapeId="5123" r:id="rId6" name="Check Box 3">
              <controlPr defaultSize="0" autoFill="0" autoLine="0" autoPict="0">
                <anchor moveWithCells="1">
                  <from>
                    <xdr:col>28</xdr:col>
                    <xdr:colOff>160020</xdr:colOff>
                    <xdr:row>5</xdr:row>
                    <xdr:rowOff>68580</xdr:rowOff>
                  </from>
                  <to>
                    <xdr:col>30</xdr:col>
                    <xdr:colOff>83820</xdr:colOff>
                    <xdr:row>5</xdr:row>
                    <xdr:rowOff>44958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autoPageBreaks="0"/>
  </sheetPr>
  <dimension ref="A1:X102"/>
  <sheetViews>
    <sheetView view="pageBreakPreview" zoomScale="102" zoomScaleNormal="100" zoomScaleSheetLayoutView="102" workbookViewId="0">
      <selection activeCell="AD101" sqref="AD101"/>
    </sheetView>
  </sheetViews>
  <sheetFormatPr defaultRowHeight="14.4"/>
  <cols>
    <col min="1" max="1" width="1" customWidth="1"/>
    <col min="2" max="11" width="3.59765625" customWidth="1"/>
    <col min="12" max="12" width="4.59765625" customWidth="1"/>
    <col min="13" max="13" width="3.59765625" customWidth="1"/>
    <col min="14" max="14" width="3.09765625" customWidth="1"/>
    <col min="15" max="23" width="3.59765625" customWidth="1"/>
    <col min="24" max="24" width="1.3984375" customWidth="1"/>
    <col min="25" max="26" width="3.59765625" customWidth="1"/>
  </cols>
  <sheetData>
    <row r="1" spans="2:23" ht="15.6" customHeight="1">
      <c r="B1" s="2" t="s">
        <v>4</v>
      </c>
      <c r="C1" s="2"/>
      <c r="D1" s="2"/>
      <c r="E1" s="2"/>
      <c r="F1" s="2"/>
      <c r="G1" s="2"/>
      <c r="H1" s="2"/>
      <c r="I1" s="2"/>
      <c r="J1" s="2"/>
      <c r="K1" s="2"/>
    </row>
    <row r="2" spans="2:23" ht="15.6" customHeight="1" thickBot="1">
      <c r="B2" s="2"/>
      <c r="C2" s="2"/>
      <c r="D2" s="2"/>
      <c r="E2" s="2"/>
      <c r="F2" s="2"/>
      <c r="G2" s="2"/>
      <c r="H2" s="2"/>
      <c r="I2" s="2"/>
      <c r="J2" s="2"/>
      <c r="K2" s="2"/>
      <c r="R2" s="102">
        <v>45931</v>
      </c>
      <c r="S2" s="102"/>
      <c r="T2" s="102"/>
      <c r="U2" s="102"/>
      <c r="V2" s="102"/>
      <c r="W2" s="102"/>
    </row>
    <row r="3" spans="2:23" ht="37.5" customHeight="1">
      <c r="B3" s="141" t="s">
        <v>123</v>
      </c>
      <c r="C3" s="141"/>
      <c r="D3" s="141"/>
      <c r="E3" s="141"/>
      <c r="F3" s="141"/>
      <c r="G3" s="141"/>
      <c r="H3" s="141"/>
      <c r="I3" s="141"/>
      <c r="J3" s="135" t="s">
        <v>55</v>
      </c>
      <c r="K3" s="136"/>
      <c r="L3" s="136"/>
      <c r="M3" s="139" t="s">
        <v>56</v>
      </c>
      <c r="N3" s="139"/>
      <c r="O3" s="251" t="s">
        <v>74</v>
      </c>
      <c r="P3" s="252"/>
      <c r="Q3" s="252"/>
      <c r="R3" s="252"/>
      <c r="S3" s="252"/>
      <c r="T3" s="252"/>
      <c r="U3" s="252"/>
      <c r="V3" s="252"/>
      <c r="W3" s="253"/>
    </row>
    <row r="4" spans="2:23" ht="37.5" customHeight="1" thickBot="1">
      <c r="B4" s="18"/>
      <c r="C4" s="18"/>
      <c r="D4" s="18"/>
      <c r="E4" s="18"/>
      <c r="F4" s="18"/>
      <c r="G4" s="18"/>
      <c r="H4" s="18"/>
      <c r="I4" s="18"/>
      <c r="J4" s="137"/>
      <c r="K4" s="138"/>
      <c r="L4" s="138"/>
      <c r="M4" s="140" t="s">
        <v>57</v>
      </c>
      <c r="N4" s="140"/>
      <c r="O4" s="254" t="s">
        <v>125</v>
      </c>
      <c r="P4" s="255"/>
      <c r="Q4" s="255"/>
      <c r="R4" s="255"/>
      <c r="S4" s="255"/>
      <c r="T4" s="255"/>
      <c r="U4" s="255"/>
      <c r="V4" s="255"/>
      <c r="W4" s="256"/>
    </row>
    <row r="5" spans="2:23" ht="15.6" customHeight="1">
      <c r="B5" s="225" t="s">
        <v>5</v>
      </c>
      <c r="C5" s="226"/>
      <c r="D5" s="226"/>
      <c r="E5" s="227"/>
      <c r="F5" s="228" t="s">
        <v>36</v>
      </c>
      <c r="G5" s="228"/>
      <c r="H5" s="228"/>
      <c r="I5" s="228"/>
      <c r="J5" s="229"/>
      <c r="K5" s="229"/>
      <c r="L5" s="229"/>
      <c r="M5" s="207" t="s">
        <v>6</v>
      </c>
      <c r="N5" s="181"/>
      <c r="O5" s="181"/>
      <c r="P5" s="182"/>
      <c r="Q5" s="28"/>
      <c r="R5" s="29"/>
      <c r="S5" s="29"/>
      <c r="T5" s="27"/>
      <c r="U5" s="27"/>
      <c r="V5" s="27"/>
      <c r="W5" s="6"/>
    </row>
    <row r="6" spans="2:23" ht="15.6" customHeight="1">
      <c r="B6" s="180" t="s">
        <v>7</v>
      </c>
      <c r="C6" s="181"/>
      <c r="D6" s="181"/>
      <c r="E6" s="182"/>
      <c r="F6" s="208" t="s">
        <v>35</v>
      </c>
      <c r="G6" s="208"/>
      <c r="H6" s="208"/>
      <c r="I6" s="208"/>
      <c r="J6" s="208"/>
      <c r="K6" s="208"/>
      <c r="L6" s="208"/>
      <c r="M6" s="207"/>
      <c r="N6" s="181"/>
      <c r="O6" s="181"/>
      <c r="P6" s="182"/>
      <c r="Q6" s="3"/>
      <c r="R6" s="257">
        <v>14892</v>
      </c>
      <c r="S6" s="257"/>
      <c r="T6" s="257"/>
      <c r="U6" s="257"/>
      <c r="V6" s="257"/>
      <c r="W6" s="4" t="s">
        <v>9</v>
      </c>
    </row>
    <row r="7" spans="2:23" ht="15.6" customHeight="1">
      <c r="B7" s="180"/>
      <c r="C7" s="181"/>
      <c r="D7" s="181"/>
      <c r="E7" s="182"/>
      <c r="F7" s="209"/>
      <c r="G7" s="209"/>
      <c r="H7" s="209"/>
      <c r="I7" s="209"/>
      <c r="J7" s="209"/>
      <c r="K7" s="209"/>
      <c r="L7" s="209"/>
      <c r="M7" s="207"/>
      <c r="N7" s="181"/>
      <c r="O7" s="181"/>
      <c r="P7" s="182"/>
      <c r="Q7" s="5"/>
      <c r="R7" s="19" t="s">
        <v>10</v>
      </c>
      <c r="S7" s="224">
        <f>IF(ISERROR(DATEDIF(R6,$R$2,"Y")),"",DATEDIF(R6,$R$2,"Y"))</f>
        <v>84</v>
      </c>
      <c r="T7" s="224"/>
      <c r="U7" s="20" t="s">
        <v>11</v>
      </c>
      <c r="V7" s="20" t="s">
        <v>12</v>
      </c>
      <c r="W7" s="6"/>
    </row>
    <row r="8" spans="2:23" ht="15.6" customHeight="1">
      <c r="B8" s="145" t="s">
        <v>13</v>
      </c>
      <c r="C8" s="146"/>
      <c r="D8" s="146"/>
      <c r="E8" s="147"/>
      <c r="F8" s="7"/>
      <c r="G8" s="8" t="s">
        <v>10</v>
      </c>
      <c r="H8" s="200"/>
      <c r="I8" s="200"/>
      <c r="J8" s="200"/>
      <c r="K8" s="8" t="s">
        <v>12</v>
      </c>
      <c r="L8" s="9"/>
      <c r="M8" s="222"/>
      <c r="N8" s="184"/>
      <c r="O8" s="184"/>
      <c r="P8" s="185"/>
      <c r="Q8" s="10"/>
      <c r="R8" s="11"/>
      <c r="S8" s="130"/>
      <c r="T8" s="130"/>
      <c r="U8" s="12"/>
      <c r="V8" s="12"/>
      <c r="W8" s="13"/>
    </row>
    <row r="9" spans="2:23" ht="15.6" customHeight="1">
      <c r="B9" s="142" t="s">
        <v>54</v>
      </c>
      <c r="C9" s="143"/>
      <c r="D9" s="143"/>
      <c r="E9" s="144"/>
      <c r="F9" s="133" t="s">
        <v>76</v>
      </c>
      <c r="G9" s="109"/>
      <c r="H9" s="109"/>
      <c r="I9" s="109"/>
      <c r="J9" s="109"/>
      <c r="K9" s="109"/>
      <c r="L9" s="109"/>
      <c r="M9" s="109"/>
      <c r="N9" s="109"/>
      <c r="O9" s="109"/>
      <c r="P9" s="109"/>
      <c r="Q9" s="109"/>
      <c r="R9" s="109"/>
      <c r="S9" s="109"/>
      <c r="T9" s="109"/>
      <c r="U9" s="109"/>
      <c r="V9" s="109"/>
      <c r="W9" s="148"/>
    </row>
    <row r="10" spans="2:23" ht="15.6" customHeight="1">
      <c r="B10" s="145"/>
      <c r="C10" s="146"/>
      <c r="D10" s="146"/>
      <c r="E10" s="147"/>
      <c r="F10" s="134"/>
      <c r="G10" s="111"/>
      <c r="H10" s="111"/>
      <c r="I10" s="111"/>
      <c r="J10" s="111"/>
      <c r="K10" s="111"/>
      <c r="L10" s="111"/>
      <c r="M10" s="111"/>
      <c r="N10" s="111"/>
      <c r="O10" s="111"/>
      <c r="P10" s="111"/>
      <c r="Q10" s="111"/>
      <c r="R10" s="111"/>
      <c r="S10" s="111"/>
      <c r="T10" s="111"/>
      <c r="U10" s="111"/>
      <c r="V10" s="111"/>
      <c r="W10" s="149"/>
    </row>
    <row r="11" spans="2:23" ht="15.6" customHeight="1">
      <c r="B11" s="177" t="s">
        <v>1</v>
      </c>
      <c r="C11" s="178"/>
      <c r="D11" s="178"/>
      <c r="E11" s="179"/>
      <c r="F11" s="189" t="s">
        <v>75</v>
      </c>
      <c r="G11" s="189"/>
      <c r="H11" s="189"/>
      <c r="I11" s="189"/>
      <c r="J11" s="189"/>
      <c r="K11" s="189"/>
      <c r="L11" s="189"/>
      <c r="M11" s="191" t="s">
        <v>89</v>
      </c>
      <c r="N11" s="192"/>
      <c r="O11" s="192"/>
      <c r="P11" s="193"/>
      <c r="Q11" s="120">
        <v>15</v>
      </c>
      <c r="R11" s="121"/>
      <c r="S11" s="116" t="s">
        <v>8</v>
      </c>
      <c r="T11" s="118">
        <v>5</v>
      </c>
      <c r="U11" s="118"/>
      <c r="V11" s="174" t="s">
        <v>14</v>
      </c>
      <c r="W11" s="197" t="s">
        <v>15</v>
      </c>
    </row>
    <row r="12" spans="2:23" ht="15.6" customHeight="1">
      <c r="B12" s="183"/>
      <c r="C12" s="184"/>
      <c r="D12" s="184"/>
      <c r="E12" s="185"/>
      <c r="F12" s="190"/>
      <c r="G12" s="190"/>
      <c r="H12" s="190"/>
      <c r="I12" s="190"/>
      <c r="J12" s="190"/>
      <c r="K12" s="190"/>
      <c r="L12" s="190"/>
      <c r="M12" s="194"/>
      <c r="N12" s="195"/>
      <c r="O12" s="195"/>
      <c r="P12" s="196"/>
      <c r="Q12" s="122"/>
      <c r="R12" s="123"/>
      <c r="S12" s="117"/>
      <c r="T12" s="119"/>
      <c r="U12" s="119"/>
      <c r="V12" s="175"/>
      <c r="W12" s="198"/>
    </row>
    <row r="13" spans="2:23" ht="92.25" customHeight="1">
      <c r="B13" s="158" t="s">
        <v>58</v>
      </c>
      <c r="C13" s="159"/>
      <c r="D13" s="159"/>
      <c r="E13" s="160"/>
      <c r="F13" s="127" t="s">
        <v>88</v>
      </c>
      <c r="G13" s="128"/>
      <c r="H13" s="128"/>
      <c r="I13" s="128"/>
      <c r="J13" s="128"/>
      <c r="K13" s="128"/>
      <c r="L13" s="128"/>
      <c r="M13" s="128"/>
      <c r="N13" s="128"/>
      <c r="O13" s="128"/>
      <c r="P13" s="128"/>
      <c r="Q13" s="128"/>
      <c r="R13" s="128"/>
      <c r="S13" s="128"/>
      <c r="T13" s="128"/>
      <c r="U13" s="128"/>
      <c r="V13" s="128"/>
      <c r="W13" s="129"/>
    </row>
    <row r="14" spans="2:23" ht="36.75" customHeight="1">
      <c r="B14" s="177" t="s">
        <v>59</v>
      </c>
      <c r="C14" s="178"/>
      <c r="D14" s="178"/>
      <c r="E14" s="179"/>
      <c r="F14" s="133" t="s">
        <v>73</v>
      </c>
      <c r="G14" s="109"/>
      <c r="H14" s="109"/>
      <c r="I14" s="109"/>
      <c r="J14" s="109"/>
      <c r="K14" s="109"/>
      <c r="L14" s="109"/>
      <c r="M14" s="109"/>
      <c r="N14" s="109"/>
      <c r="O14" s="109"/>
      <c r="P14" s="109"/>
      <c r="Q14" s="109"/>
      <c r="R14" s="109"/>
      <c r="S14" s="109"/>
      <c r="T14" s="109"/>
      <c r="U14" s="109"/>
      <c r="V14" s="109"/>
      <c r="W14" s="148"/>
    </row>
    <row r="15" spans="2:23" ht="36.75" customHeight="1">
      <c r="B15" s="180"/>
      <c r="C15" s="181"/>
      <c r="D15" s="181"/>
      <c r="E15" s="182"/>
      <c r="F15" s="186"/>
      <c r="G15" s="187"/>
      <c r="H15" s="187"/>
      <c r="I15" s="187"/>
      <c r="J15" s="187"/>
      <c r="K15" s="187"/>
      <c r="L15" s="187"/>
      <c r="M15" s="187"/>
      <c r="N15" s="187"/>
      <c r="O15" s="187"/>
      <c r="P15" s="187"/>
      <c r="Q15" s="187"/>
      <c r="R15" s="187"/>
      <c r="S15" s="187"/>
      <c r="T15" s="187"/>
      <c r="U15" s="187"/>
      <c r="V15" s="187"/>
      <c r="W15" s="188"/>
    </row>
    <row r="16" spans="2:23" ht="36.75" customHeight="1">
      <c r="B16" s="180"/>
      <c r="C16" s="181"/>
      <c r="D16" s="181"/>
      <c r="E16" s="182"/>
      <c r="F16" s="186"/>
      <c r="G16" s="187"/>
      <c r="H16" s="187"/>
      <c r="I16" s="187"/>
      <c r="J16" s="187"/>
      <c r="K16" s="187"/>
      <c r="L16" s="187"/>
      <c r="M16" s="187"/>
      <c r="N16" s="187"/>
      <c r="O16" s="187"/>
      <c r="P16" s="187"/>
      <c r="Q16" s="187"/>
      <c r="R16" s="187"/>
      <c r="S16" s="187"/>
      <c r="T16" s="187"/>
      <c r="U16" s="187"/>
      <c r="V16" s="187"/>
      <c r="W16" s="188"/>
    </row>
    <row r="17" spans="2:23" ht="36.75" customHeight="1">
      <c r="B17" s="180"/>
      <c r="C17" s="181"/>
      <c r="D17" s="181"/>
      <c r="E17" s="182"/>
      <c r="F17" s="186"/>
      <c r="G17" s="187"/>
      <c r="H17" s="187"/>
      <c r="I17" s="187"/>
      <c r="J17" s="187"/>
      <c r="K17" s="187"/>
      <c r="L17" s="187"/>
      <c r="M17" s="187"/>
      <c r="N17" s="187"/>
      <c r="O17" s="187"/>
      <c r="P17" s="187"/>
      <c r="Q17" s="187"/>
      <c r="R17" s="187"/>
      <c r="S17" s="187"/>
      <c r="T17" s="187"/>
      <c r="U17" s="187"/>
      <c r="V17" s="187"/>
      <c r="W17" s="188"/>
    </row>
    <row r="18" spans="2:23" ht="36.75" customHeight="1">
      <c r="B18" s="180"/>
      <c r="C18" s="181"/>
      <c r="D18" s="181"/>
      <c r="E18" s="182"/>
      <c r="F18" s="186"/>
      <c r="G18" s="187"/>
      <c r="H18" s="187"/>
      <c r="I18" s="187"/>
      <c r="J18" s="187"/>
      <c r="K18" s="187"/>
      <c r="L18" s="187"/>
      <c r="M18" s="187"/>
      <c r="N18" s="187"/>
      <c r="O18" s="187"/>
      <c r="P18" s="187"/>
      <c r="Q18" s="187"/>
      <c r="R18" s="187"/>
      <c r="S18" s="187"/>
      <c r="T18" s="187"/>
      <c r="U18" s="187"/>
      <c r="V18" s="187"/>
      <c r="W18" s="188"/>
    </row>
    <row r="19" spans="2:23" ht="36.75" customHeight="1">
      <c r="B19" s="180"/>
      <c r="C19" s="181"/>
      <c r="D19" s="181"/>
      <c r="E19" s="182"/>
      <c r="F19" s="186"/>
      <c r="G19" s="187"/>
      <c r="H19" s="187"/>
      <c r="I19" s="187"/>
      <c r="J19" s="187"/>
      <c r="K19" s="187"/>
      <c r="L19" s="187"/>
      <c r="M19" s="187"/>
      <c r="N19" s="187"/>
      <c r="O19" s="187"/>
      <c r="P19" s="187"/>
      <c r="Q19" s="187"/>
      <c r="R19" s="187"/>
      <c r="S19" s="187"/>
      <c r="T19" s="187"/>
      <c r="U19" s="187"/>
      <c r="V19" s="187"/>
      <c r="W19" s="188"/>
    </row>
    <row r="20" spans="2:23" ht="36.75" customHeight="1">
      <c r="B20" s="180"/>
      <c r="C20" s="181"/>
      <c r="D20" s="181"/>
      <c r="E20" s="182"/>
      <c r="F20" s="186"/>
      <c r="G20" s="187"/>
      <c r="H20" s="187"/>
      <c r="I20" s="187"/>
      <c r="J20" s="187"/>
      <c r="K20" s="187"/>
      <c r="L20" s="187"/>
      <c r="M20" s="187"/>
      <c r="N20" s="187"/>
      <c r="O20" s="187"/>
      <c r="P20" s="187"/>
      <c r="Q20" s="187"/>
      <c r="R20" s="187"/>
      <c r="S20" s="187"/>
      <c r="T20" s="187"/>
      <c r="U20" s="187"/>
      <c r="V20" s="187"/>
      <c r="W20" s="188"/>
    </row>
    <row r="21" spans="2:23" ht="36.75" customHeight="1">
      <c r="B21" s="183"/>
      <c r="C21" s="184"/>
      <c r="D21" s="184"/>
      <c r="E21" s="185"/>
      <c r="F21" s="134"/>
      <c r="G21" s="111"/>
      <c r="H21" s="111"/>
      <c r="I21" s="111"/>
      <c r="J21" s="111"/>
      <c r="K21" s="111"/>
      <c r="L21" s="111"/>
      <c r="M21" s="111"/>
      <c r="N21" s="111"/>
      <c r="O21" s="111"/>
      <c r="P21" s="111"/>
      <c r="Q21" s="111"/>
      <c r="R21" s="111"/>
      <c r="S21" s="111"/>
      <c r="T21" s="111"/>
      <c r="U21" s="111"/>
      <c r="V21" s="111"/>
      <c r="W21" s="149"/>
    </row>
    <row r="22" spans="2:23" ht="15.6" customHeight="1">
      <c r="B22" s="177" t="s">
        <v>2</v>
      </c>
      <c r="C22" s="178"/>
      <c r="D22" s="178"/>
      <c r="E22" s="179"/>
      <c r="F22" s="243" t="s">
        <v>23</v>
      </c>
      <c r="G22" s="159"/>
      <c r="H22" s="159"/>
      <c r="I22" s="159"/>
      <c r="J22" s="160"/>
      <c r="K22" s="243" t="s">
        <v>24</v>
      </c>
      <c r="L22" s="159"/>
      <c r="M22" s="159"/>
      <c r="N22" s="159"/>
      <c r="O22" s="159"/>
      <c r="P22" s="159"/>
      <c r="Q22" s="159"/>
      <c r="R22" s="159"/>
      <c r="S22" s="159"/>
      <c r="T22" s="159"/>
      <c r="U22" s="159"/>
      <c r="V22" s="159"/>
      <c r="W22" s="244"/>
    </row>
    <row r="23" spans="2:23" ht="15.6" customHeight="1">
      <c r="B23" s="180"/>
      <c r="C23" s="181"/>
      <c r="D23" s="181"/>
      <c r="E23" s="182"/>
      <c r="F23" s="245">
        <v>41548</v>
      </c>
      <c r="G23" s="246"/>
      <c r="H23" s="246"/>
      <c r="I23" s="246"/>
      <c r="J23" s="247"/>
      <c r="K23" s="248" t="s">
        <v>121</v>
      </c>
      <c r="L23" s="249"/>
      <c r="M23" s="249"/>
      <c r="N23" s="249"/>
      <c r="O23" s="249"/>
      <c r="P23" s="249"/>
      <c r="Q23" s="249"/>
      <c r="R23" s="249"/>
      <c r="S23" s="249"/>
      <c r="T23" s="249"/>
      <c r="U23" s="249"/>
      <c r="V23" s="249"/>
      <c r="W23" s="250"/>
    </row>
    <row r="24" spans="2:23" ht="15.6" customHeight="1">
      <c r="B24" s="180"/>
      <c r="C24" s="181"/>
      <c r="D24" s="181"/>
      <c r="E24" s="182"/>
      <c r="F24" s="245">
        <v>41548</v>
      </c>
      <c r="G24" s="246"/>
      <c r="H24" s="246"/>
      <c r="I24" s="246"/>
      <c r="J24" s="247"/>
      <c r="K24" s="170" t="s">
        <v>86</v>
      </c>
      <c r="L24" s="171"/>
      <c r="M24" s="171"/>
      <c r="N24" s="171"/>
      <c r="O24" s="171"/>
      <c r="P24" s="171"/>
      <c r="Q24" s="171"/>
      <c r="R24" s="171"/>
      <c r="S24" s="171"/>
      <c r="T24" s="171"/>
      <c r="U24" s="171"/>
      <c r="V24" s="171"/>
      <c r="W24" s="172"/>
    </row>
    <row r="25" spans="2:23" ht="15.6" customHeight="1">
      <c r="B25" s="180"/>
      <c r="C25" s="181"/>
      <c r="D25" s="181"/>
      <c r="E25" s="182"/>
      <c r="F25" s="213" t="s">
        <v>78</v>
      </c>
      <c r="G25" s="214"/>
      <c r="H25" s="214"/>
      <c r="I25" s="214"/>
      <c r="J25" s="215"/>
      <c r="K25" s="170"/>
      <c r="L25" s="171"/>
      <c r="M25" s="171"/>
      <c r="N25" s="171"/>
      <c r="O25" s="171"/>
      <c r="P25" s="171"/>
      <c r="Q25" s="171"/>
      <c r="R25" s="171"/>
      <c r="S25" s="171"/>
      <c r="T25" s="171"/>
      <c r="U25" s="171"/>
      <c r="V25" s="171"/>
      <c r="W25" s="172"/>
    </row>
    <row r="26" spans="2:23" ht="15.6" customHeight="1">
      <c r="B26" s="180"/>
      <c r="C26" s="181"/>
      <c r="D26" s="181"/>
      <c r="E26" s="182"/>
      <c r="F26" s="213" t="s">
        <v>78</v>
      </c>
      <c r="G26" s="214"/>
      <c r="H26" s="214"/>
      <c r="I26" s="214"/>
      <c r="J26" s="215"/>
      <c r="K26" s="170"/>
      <c r="L26" s="171"/>
      <c r="M26" s="171"/>
      <c r="N26" s="171"/>
      <c r="O26" s="171"/>
      <c r="P26" s="171"/>
      <c r="Q26" s="171"/>
      <c r="R26" s="171"/>
      <c r="S26" s="171"/>
      <c r="T26" s="171"/>
      <c r="U26" s="171"/>
      <c r="V26" s="171"/>
      <c r="W26" s="172"/>
    </row>
    <row r="27" spans="2:23" ht="15.6" customHeight="1">
      <c r="B27" s="180"/>
      <c r="C27" s="181"/>
      <c r="D27" s="181"/>
      <c r="E27" s="182"/>
      <c r="F27" s="161" t="s">
        <v>78</v>
      </c>
      <c r="G27" s="162"/>
      <c r="H27" s="162"/>
      <c r="I27" s="162"/>
      <c r="J27" s="163"/>
      <c r="K27" s="124"/>
      <c r="L27" s="125"/>
      <c r="M27" s="125"/>
      <c r="N27" s="125"/>
      <c r="O27" s="125"/>
      <c r="P27" s="125"/>
      <c r="Q27" s="125"/>
      <c r="R27" s="125"/>
      <c r="S27" s="125"/>
      <c r="T27" s="125"/>
      <c r="U27" s="125"/>
      <c r="V27" s="125"/>
      <c r="W27" s="126"/>
    </row>
    <row r="28" spans="2:23" ht="49.5" customHeight="1" thickBot="1">
      <c r="B28" s="201" t="s">
        <v>60</v>
      </c>
      <c r="C28" s="202"/>
      <c r="D28" s="202"/>
      <c r="E28" s="202"/>
      <c r="F28" s="203" t="s">
        <v>73</v>
      </c>
      <c r="G28" s="204"/>
      <c r="H28" s="204"/>
      <c r="I28" s="204"/>
      <c r="J28" s="204"/>
      <c r="K28" s="204"/>
      <c r="L28" s="204"/>
      <c r="M28" s="204"/>
      <c r="N28" s="204"/>
      <c r="O28" s="204"/>
      <c r="P28" s="204"/>
      <c r="Q28" s="204"/>
      <c r="R28" s="204"/>
      <c r="S28" s="204"/>
      <c r="T28" s="204"/>
      <c r="U28" s="204"/>
      <c r="V28" s="204"/>
      <c r="W28" s="205"/>
    </row>
    <row r="29" spans="2:23" ht="15.6" customHeight="1">
      <c r="B29" s="17" t="s">
        <v>3</v>
      </c>
      <c r="C29" s="16"/>
      <c r="D29" s="16"/>
      <c r="E29" s="16"/>
      <c r="F29" s="16"/>
      <c r="G29" s="16"/>
      <c r="H29" s="16"/>
      <c r="I29" s="16"/>
      <c r="J29" s="16"/>
      <c r="K29" s="16"/>
      <c r="L29" s="16"/>
      <c r="M29" s="16"/>
      <c r="N29" s="16"/>
      <c r="O29" s="16"/>
    </row>
    <row r="30" spans="2:23" ht="15.6" customHeight="1">
      <c r="B30" s="17"/>
      <c r="C30" s="16"/>
      <c r="D30" s="16"/>
      <c r="E30" s="16"/>
      <c r="F30" s="16"/>
      <c r="G30" s="16"/>
      <c r="H30" s="16"/>
      <c r="I30" s="16"/>
      <c r="J30" s="16"/>
      <c r="K30" s="16"/>
      <c r="L30" s="16"/>
      <c r="M30" s="16"/>
      <c r="N30" s="16"/>
      <c r="O30" s="16"/>
    </row>
    <row r="31" spans="2:23" ht="15.6" customHeight="1">
      <c r="B31" s="2" t="s">
        <v>61</v>
      </c>
      <c r="C31" s="2"/>
      <c r="D31" s="2"/>
      <c r="E31" s="2"/>
      <c r="F31" s="2"/>
      <c r="G31" s="2"/>
      <c r="H31" s="2"/>
      <c r="I31" s="2"/>
      <c r="J31" s="2"/>
      <c r="K31" s="16"/>
      <c r="L31" s="16"/>
      <c r="M31" s="16"/>
      <c r="N31" s="16"/>
      <c r="O31" s="16"/>
    </row>
    <row r="32" spans="2:23" ht="24.75" customHeight="1" thickBot="1">
      <c r="B32" s="95" t="s">
        <v>124</v>
      </c>
      <c r="C32" s="95"/>
      <c r="D32" s="95"/>
      <c r="E32" s="95"/>
      <c r="F32" s="95"/>
      <c r="G32" s="96"/>
      <c r="H32" s="97"/>
      <c r="I32" s="97"/>
      <c r="J32" s="97"/>
      <c r="K32" s="16"/>
      <c r="L32" s="16"/>
      <c r="M32" s="16"/>
      <c r="N32" s="16"/>
      <c r="O32" s="16"/>
    </row>
    <row r="33" spans="1:24" ht="9.75" customHeight="1">
      <c r="A33" s="31"/>
      <c r="B33" s="39"/>
      <c r="C33" s="39"/>
      <c r="D33" s="39"/>
      <c r="E33" s="39"/>
      <c r="F33" s="39"/>
      <c r="G33" s="39"/>
      <c r="H33" s="45"/>
      <c r="I33" s="45"/>
      <c r="J33" s="45"/>
      <c r="K33" s="45"/>
      <c r="L33" s="45"/>
      <c r="M33" s="45"/>
      <c r="N33" s="45"/>
      <c r="O33" s="45"/>
      <c r="P33" s="46"/>
      <c r="Q33" s="46"/>
      <c r="R33" s="46"/>
      <c r="S33" s="46"/>
      <c r="T33" s="46"/>
      <c r="U33" s="46"/>
      <c r="V33" s="46"/>
      <c r="W33" s="46"/>
      <c r="X33" s="32"/>
    </row>
    <row r="34" spans="1:24" ht="16.5" customHeight="1">
      <c r="A34" s="33"/>
      <c r="B34" s="217" t="s">
        <v>5</v>
      </c>
      <c r="C34" s="218"/>
      <c r="D34" s="218"/>
      <c r="E34" s="219"/>
      <c r="F34" s="220"/>
      <c r="G34" s="220"/>
      <c r="H34" s="220"/>
      <c r="I34" s="220"/>
      <c r="J34" s="220"/>
      <c r="K34" s="220"/>
      <c r="L34" s="220"/>
      <c r="M34" s="221" t="s">
        <v>6</v>
      </c>
      <c r="N34" s="178"/>
      <c r="O34" s="178"/>
      <c r="P34" s="179"/>
      <c r="Q34" s="47"/>
      <c r="R34" s="48"/>
      <c r="S34" s="48"/>
      <c r="T34" s="49"/>
      <c r="U34" s="49"/>
      <c r="V34" s="49"/>
      <c r="W34" s="50"/>
      <c r="X34" s="1"/>
    </row>
    <row r="35" spans="1:24" ht="14.25" customHeight="1">
      <c r="A35" s="33"/>
      <c r="B35" s="207" t="s">
        <v>7</v>
      </c>
      <c r="C35" s="181"/>
      <c r="D35" s="181"/>
      <c r="E35" s="182"/>
      <c r="F35" s="208"/>
      <c r="G35" s="208"/>
      <c r="H35" s="208"/>
      <c r="I35" s="208"/>
      <c r="J35" s="208"/>
      <c r="K35" s="208"/>
      <c r="L35" s="208"/>
      <c r="M35" s="207"/>
      <c r="N35" s="181"/>
      <c r="O35" s="181"/>
      <c r="P35" s="182"/>
      <c r="Q35" s="3"/>
      <c r="R35" s="223" t="s">
        <v>106</v>
      </c>
      <c r="S35" s="223"/>
      <c r="T35" s="223"/>
      <c r="U35" s="223"/>
      <c r="V35" s="223"/>
      <c r="W35" s="51" t="s">
        <v>9</v>
      </c>
      <c r="X35" s="1"/>
    </row>
    <row r="36" spans="1:24" ht="14.25" customHeight="1">
      <c r="A36" s="33"/>
      <c r="B36" s="207"/>
      <c r="C36" s="181"/>
      <c r="D36" s="181"/>
      <c r="E36" s="182"/>
      <c r="F36" s="209"/>
      <c r="G36" s="209"/>
      <c r="H36" s="209"/>
      <c r="I36" s="209"/>
      <c r="J36" s="209"/>
      <c r="K36" s="209"/>
      <c r="L36" s="209"/>
      <c r="M36" s="207"/>
      <c r="N36" s="181"/>
      <c r="O36" s="181"/>
      <c r="P36" s="182"/>
      <c r="Q36" s="5"/>
      <c r="R36" s="19" t="s">
        <v>10</v>
      </c>
      <c r="S36" s="224" t="str">
        <f>IF(ISERROR(DATEDIF(R35,$Q$2,"Y")),"",DATEDIF(R35,$Q$2,"Y"))</f>
        <v/>
      </c>
      <c r="T36" s="224"/>
      <c r="U36" s="20" t="s">
        <v>11</v>
      </c>
      <c r="V36" s="20" t="s">
        <v>12</v>
      </c>
      <c r="W36" s="52"/>
      <c r="X36" s="1"/>
    </row>
    <row r="37" spans="1:24" ht="14.25" customHeight="1">
      <c r="A37" s="33"/>
      <c r="B37" s="199" t="s">
        <v>13</v>
      </c>
      <c r="C37" s="146"/>
      <c r="D37" s="146"/>
      <c r="E37" s="147"/>
      <c r="F37" s="7"/>
      <c r="G37" s="8" t="s">
        <v>10</v>
      </c>
      <c r="H37" s="200"/>
      <c r="I37" s="200"/>
      <c r="J37" s="200"/>
      <c r="K37" s="8" t="s">
        <v>12</v>
      </c>
      <c r="L37" s="9"/>
      <c r="M37" s="222"/>
      <c r="N37" s="184"/>
      <c r="O37" s="184"/>
      <c r="P37" s="185"/>
      <c r="Q37" s="10"/>
      <c r="R37" s="11"/>
      <c r="S37" s="130"/>
      <c r="T37" s="130"/>
      <c r="U37" s="12"/>
      <c r="V37" s="12"/>
      <c r="W37" s="53"/>
      <c r="X37" s="1"/>
    </row>
    <row r="38" spans="1:24" ht="11.25" customHeight="1">
      <c r="A38" s="33"/>
      <c r="B38" s="54"/>
      <c r="C38" s="55"/>
      <c r="D38" s="55"/>
      <c r="E38" s="56"/>
      <c r="F38" s="206"/>
      <c r="G38" s="206"/>
      <c r="H38" s="206"/>
      <c r="I38" s="206"/>
      <c r="J38" s="206"/>
      <c r="K38" s="206"/>
      <c r="L38" s="206"/>
      <c r="M38" s="206"/>
      <c r="N38" s="206"/>
      <c r="O38" s="206"/>
      <c r="P38" s="206"/>
      <c r="Q38" s="206"/>
      <c r="R38" s="206"/>
      <c r="S38" s="206"/>
      <c r="T38" s="206"/>
      <c r="U38" s="206"/>
      <c r="V38" s="206"/>
      <c r="W38" s="206"/>
      <c r="X38" s="1"/>
    </row>
    <row r="39" spans="1:24" ht="24.75" customHeight="1">
      <c r="A39" s="33"/>
      <c r="B39" s="57" t="s">
        <v>62</v>
      </c>
      <c r="C39" s="58"/>
      <c r="D39" s="58"/>
      <c r="E39" s="59"/>
      <c r="F39" s="156" t="s">
        <v>113</v>
      </c>
      <c r="G39" s="156"/>
      <c r="H39" s="156"/>
      <c r="I39" s="156"/>
      <c r="J39" s="156"/>
      <c r="K39" s="60"/>
      <c r="L39" s="115"/>
      <c r="M39" s="115"/>
      <c r="N39" s="115"/>
      <c r="O39" s="115"/>
      <c r="P39" s="115"/>
      <c r="Q39" s="115"/>
      <c r="R39" s="115"/>
      <c r="S39" s="115"/>
      <c r="T39" s="115"/>
      <c r="U39" s="115"/>
      <c r="V39" s="176" t="s">
        <v>87</v>
      </c>
      <c r="W39" s="176"/>
      <c r="X39" s="1"/>
    </row>
    <row r="40" spans="1:24" ht="8.25" customHeight="1">
      <c r="A40" s="33"/>
      <c r="B40" s="83"/>
      <c r="C40" s="83"/>
      <c r="D40" s="83"/>
      <c r="E40" s="83"/>
      <c r="F40" s="83"/>
      <c r="G40" s="83"/>
      <c r="H40" s="34"/>
      <c r="I40" s="34"/>
      <c r="J40" s="34"/>
      <c r="K40" s="34"/>
      <c r="L40" s="34"/>
      <c r="M40" s="34"/>
      <c r="N40" s="34"/>
      <c r="O40" s="34"/>
      <c r="P40" s="28"/>
      <c r="Q40" s="28"/>
      <c r="R40" s="28"/>
      <c r="S40" s="28"/>
      <c r="T40" s="28"/>
      <c r="U40" s="28"/>
      <c r="V40" s="28"/>
      <c r="W40" s="28"/>
      <c r="X40" s="1"/>
    </row>
    <row r="41" spans="1:24" ht="24.75" customHeight="1">
      <c r="A41" s="33"/>
      <c r="B41" s="40" t="s">
        <v>63</v>
      </c>
      <c r="C41" s="83"/>
      <c r="D41" s="83"/>
      <c r="E41" s="83"/>
      <c r="F41" s="83"/>
      <c r="G41" s="83"/>
      <c r="H41" s="34"/>
      <c r="I41" s="34"/>
      <c r="J41" s="34"/>
      <c r="K41" s="34"/>
      <c r="L41" s="34"/>
      <c r="M41" s="34"/>
      <c r="N41" s="34"/>
      <c r="O41" s="34"/>
      <c r="P41" s="28"/>
      <c r="Q41" s="28"/>
      <c r="R41" s="28"/>
      <c r="S41" s="28"/>
      <c r="T41" s="28"/>
      <c r="U41" s="28"/>
      <c r="V41" s="28"/>
      <c r="W41" s="28"/>
      <c r="X41" s="1"/>
    </row>
    <row r="42" spans="1:24" ht="9.75" customHeight="1">
      <c r="A42" s="33"/>
      <c r="B42" s="113" t="s">
        <v>25</v>
      </c>
      <c r="C42" s="103"/>
      <c r="D42" s="103"/>
      <c r="E42" s="104"/>
      <c r="F42" s="113" t="s">
        <v>26</v>
      </c>
      <c r="G42" s="103"/>
      <c r="H42" s="103"/>
      <c r="I42" s="104"/>
      <c r="J42" s="109"/>
      <c r="K42" s="109"/>
      <c r="L42" s="109"/>
      <c r="M42" s="109"/>
      <c r="N42" s="109"/>
      <c r="O42" s="109"/>
      <c r="P42" s="109"/>
      <c r="Q42" s="109"/>
      <c r="R42" s="109"/>
      <c r="S42" s="109"/>
      <c r="T42" s="109"/>
      <c r="U42" s="109"/>
      <c r="V42" s="109"/>
      <c r="W42" s="110"/>
      <c r="X42" s="1"/>
    </row>
    <row r="43" spans="1:24" ht="9.75" customHeight="1">
      <c r="A43" s="33"/>
      <c r="B43" s="157"/>
      <c r="C43" s="105"/>
      <c r="D43" s="105"/>
      <c r="E43" s="106"/>
      <c r="F43" s="114"/>
      <c r="G43" s="107"/>
      <c r="H43" s="107"/>
      <c r="I43" s="108"/>
      <c r="J43" s="111"/>
      <c r="K43" s="111"/>
      <c r="L43" s="111"/>
      <c r="M43" s="111"/>
      <c r="N43" s="111"/>
      <c r="O43" s="111"/>
      <c r="P43" s="111"/>
      <c r="Q43" s="111"/>
      <c r="R43" s="111"/>
      <c r="S43" s="111"/>
      <c r="T43" s="111"/>
      <c r="U43" s="111"/>
      <c r="V43" s="111"/>
      <c r="W43" s="112"/>
      <c r="X43" s="1"/>
    </row>
    <row r="44" spans="1:24" ht="9.75" customHeight="1">
      <c r="A44" s="33"/>
      <c r="B44" s="157"/>
      <c r="C44" s="105"/>
      <c r="D44" s="105"/>
      <c r="E44" s="106"/>
      <c r="F44" s="113" t="s">
        <v>27</v>
      </c>
      <c r="G44" s="103"/>
      <c r="H44" s="103"/>
      <c r="I44" s="104"/>
      <c r="J44" s="109"/>
      <c r="K44" s="109"/>
      <c r="L44" s="109"/>
      <c r="M44" s="109"/>
      <c r="N44" s="109"/>
      <c r="O44" s="109"/>
      <c r="P44" s="109"/>
      <c r="Q44" s="109"/>
      <c r="R44" s="109"/>
      <c r="S44" s="109"/>
      <c r="T44" s="109"/>
      <c r="U44" s="109"/>
      <c r="V44" s="109"/>
      <c r="W44" s="110"/>
      <c r="X44" s="1"/>
    </row>
    <row r="45" spans="1:24" ht="9.75" customHeight="1">
      <c r="A45" s="33"/>
      <c r="B45" s="157"/>
      <c r="C45" s="105"/>
      <c r="D45" s="105"/>
      <c r="E45" s="106"/>
      <c r="F45" s="114"/>
      <c r="G45" s="107"/>
      <c r="H45" s="107"/>
      <c r="I45" s="108"/>
      <c r="J45" s="111"/>
      <c r="K45" s="111"/>
      <c r="L45" s="111"/>
      <c r="M45" s="111"/>
      <c r="N45" s="111"/>
      <c r="O45" s="111"/>
      <c r="P45" s="111"/>
      <c r="Q45" s="111"/>
      <c r="R45" s="111"/>
      <c r="S45" s="111"/>
      <c r="T45" s="111"/>
      <c r="U45" s="111"/>
      <c r="V45" s="111"/>
      <c r="W45" s="112"/>
      <c r="X45" s="1"/>
    </row>
    <row r="46" spans="1:24" ht="9.75" customHeight="1">
      <c r="A46" s="33"/>
      <c r="B46" s="157"/>
      <c r="C46" s="105"/>
      <c r="D46" s="105"/>
      <c r="E46" s="106"/>
      <c r="F46" s="113" t="s">
        <v>28</v>
      </c>
      <c r="G46" s="103"/>
      <c r="H46" s="103"/>
      <c r="I46" s="104"/>
      <c r="J46" s="133"/>
      <c r="K46" s="109"/>
      <c r="L46" s="109"/>
      <c r="M46" s="109"/>
      <c r="N46" s="109"/>
      <c r="O46" s="109"/>
      <c r="P46" s="109"/>
      <c r="Q46" s="109"/>
      <c r="R46" s="109"/>
      <c r="S46" s="109"/>
      <c r="T46" s="109"/>
      <c r="U46" s="109"/>
      <c r="V46" s="109"/>
      <c r="W46" s="110"/>
      <c r="X46" s="1"/>
    </row>
    <row r="47" spans="1:24" ht="9.75" customHeight="1">
      <c r="A47" s="33"/>
      <c r="B47" s="157"/>
      <c r="C47" s="105"/>
      <c r="D47" s="105"/>
      <c r="E47" s="106"/>
      <c r="F47" s="114"/>
      <c r="G47" s="107"/>
      <c r="H47" s="107"/>
      <c r="I47" s="108"/>
      <c r="J47" s="134"/>
      <c r="K47" s="111"/>
      <c r="L47" s="111"/>
      <c r="M47" s="111"/>
      <c r="N47" s="111"/>
      <c r="O47" s="111"/>
      <c r="P47" s="111"/>
      <c r="Q47" s="111"/>
      <c r="R47" s="111"/>
      <c r="S47" s="111"/>
      <c r="T47" s="111"/>
      <c r="U47" s="111"/>
      <c r="V47" s="111"/>
      <c r="W47" s="112"/>
      <c r="X47" s="1"/>
    </row>
    <row r="48" spans="1:24" ht="9.75" customHeight="1">
      <c r="A48" s="33"/>
      <c r="B48" s="157"/>
      <c r="C48" s="105"/>
      <c r="D48" s="105"/>
      <c r="E48" s="106"/>
      <c r="F48" s="113" t="s">
        <v>29</v>
      </c>
      <c r="G48" s="103"/>
      <c r="H48" s="103"/>
      <c r="I48" s="104"/>
      <c r="J48" s="109"/>
      <c r="K48" s="109"/>
      <c r="L48" s="109"/>
      <c r="M48" s="109"/>
      <c r="N48" s="109"/>
      <c r="O48" s="113" t="s">
        <v>30</v>
      </c>
      <c r="P48" s="103"/>
      <c r="Q48" s="103"/>
      <c r="R48" s="104"/>
      <c r="S48" s="109"/>
      <c r="T48" s="109"/>
      <c r="U48" s="109"/>
      <c r="V48" s="109"/>
      <c r="W48" s="110"/>
      <c r="X48" s="1"/>
    </row>
    <row r="49" spans="1:24" ht="9.75" customHeight="1">
      <c r="A49" s="33"/>
      <c r="B49" s="157"/>
      <c r="C49" s="105"/>
      <c r="D49" s="105"/>
      <c r="E49" s="106"/>
      <c r="F49" s="114"/>
      <c r="G49" s="107"/>
      <c r="H49" s="107"/>
      <c r="I49" s="108"/>
      <c r="J49" s="111"/>
      <c r="K49" s="111"/>
      <c r="L49" s="111"/>
      <c r="M49" s="111"/>
      <c r="N49" s="111"/>
      <c r="O49" s="114"/>
      <c r="P49" s="107"/>
      <c r="Q49" s="107"/>
      <c r="R49" s="108"/>
      <c r="S49" s="111"/>
      <c r="T49" s="111"/>
      <c r="U49" s="111"/>
      <c r="V49" s="111"/>
      <c r="W49" s="112"/>
      <c r="X49" s="1"/>
    </row>
    <row r="50" spans="1:24" ht="14.25" customHeight="1">
      <c r="A50" s="33"/>
      <c r="B50" s="157"/>
      <c r="C50" s="105"/>
      <c r="D50" s="105"/>
      <c r="E50" s="106"/>
      <c r="F50" s="113" t="s">
        <v>32</v>
      </c>
      <c r="G50" s="103"/>
      <c r="H50" s="103"/>
      <c r="I50" s="104"/>
      <c r="J50" s="131" t="s">
        <v>37</v>
      </c>
      <c r="K50" s="131"/>
      <c r="L50" s="131"/>
      <c r="M50" s="131"/>
      <c r="N50" s="131"/>
      <c r="O50" s="14" t="s">
        <v>17</v>
      </c>
      <c r="P50" s="132" t="s">
        <v>37</v>
      </c>
      <c r="Q50" s="132"/>
      <c r="R50" s="132"/>
      <c r="S50" s="132"/>
      <c r="T50" s="132"/>
      <c r="U50" s="28"/>
      <c r="V50" s="28"/>
      <c r="W50" s="41"/>
      <c r="X50" s="1"/>
    </row>
    <row r="51" spans="1:24">
      <c r="A51" s="33"/>
      <c r="B51" s="157"/>
      <c r="C51" s="105"/>
      <c r="D51" s="105"/>
      <c r="E51" s="106"/>
      <c r="F51" s="114"/>
      <c r="G51" s="107"/>
      <c r="H51" s="107"/>
      <c r="I51" s="108"/>
      <c r="J51" s="15"/>
      <c r="K51" s="15"/>
      <c r="L51" s="15"/>
      <c r="M51" s="15"/>
      <c r="N51" s="15"/>
      <c r="O51" s="15"/>
      <c r="P51" s="21"/>
      <c r="Q51" s="21" t="s">
        <v>10</v>
      </c>
      <c r="R51" s="67" t="str">
        <f>IF(ISERROR(DATEDIF(J50,P50+1,"Y")),"",DATEDIF(J50,P50+1,"Y"))</f>
        <v/>
      </c>
      <c r="S51" s="67" t="s">
        <v>8</v>
      </c>
      <c r="T51" s="67" t="str">
        <f>IF(ISERROR(DATEDIF(J50,P50+1,"YM")),"",DATEDIF(J50,P50+1,"YM"))</f>
        <v/>
      </c>
      <c r="U51" s="67" t="s">
        <v>14</v>
      </c>
      <c r="V51" s="67" t="s">
        <v>105</v>
      </c>
      <c r="W51" s="42" t="s">
        <v>12</v>
      </c>
      <c r="X51" s="1"/>
    </row>
    <row r="52" spans="1:24" ht="9.75" customHeight="1">
      <c r="A52" s="33"/>
      <c r="B52" s="113" t="s">
        <v>34</v>
      </c>
      <c r="C52" s="104"/>
      <c r="D52" s="103" t="s">
        <v>16</v>
      </c>
      <c r="E52" s="104"/>
      <c r="F52" s="113" t="s">
        <v>31</v>
      </c>
      <c r="G52" s="103"/>
      <c r="H52" s="103"/>
      <c r="I52" s="104"/>
      <c r="J52" s="109"/>
      <c r="K52" s="109"/>
      <c r="L52" s="109"/>
      <c r="M52" s="109"/>
      <c r="N52" s="109"/>
      <c r="O52" s="109"/>
      <c r="P52" s="109"/>
      <c r="Q52" s="109"/>
      <c r="R52" s="109"/>
      <c r="S52" s="109"/>
      <c r="T52" s="109"/>
      <c r="U52" s="109"/>
      <c r="V52" s="109"/>
      <c r="W52" s="110"/>
      <c r="X52" s="1"/>
    </row>
    <row r="53" spans="1:24" ht="9.75" customHeight="1">
      <c r="A53" s="33"/>
      <c r="B53" s="157"/>
      <c r="C53" s="106"/>
      <c r="D53" s="105"/>
      <c r="E53" s="106"/>
      <c r="F53" s="114"/>
      <c r="G53" s="107"/>
      <c r="H53" s="107"/>
      <c r="I53" s="108"/>
      <c r="J53" s="111"/>
      <c r="K53" s="111"/>
      <c r="L53" s="111"/>
      <c r="M53" s="111"/>
      <c r="N53" s="111"/>
      <c r="O53" s="111"/>
      <c r="P53" s="111"/>
      <c r="Q53" s="111"/>
      <c r="R53" s="111"/>
      <c r="S53" s="111"/>
      <c r="T53" s="111"/>
      <c r="U53" s="111"/>
      <c r="V53" s="111"/>
      <c r="W53" s="112"/>
      <c r="X53" s="1"/>
    </row>
    <row r="54" spans="1:24" ht="9.75" customHeight="1">
      <c r="A54" s="33"/>
      <c r="B54" s="157"/>
      <c r="C54" s="106"/>
      <c r="D54" s="105"/>
      <c r="E54" s="106"/>
      <c r="F54" s="113" t="s">
        <v>27</v>
      </c>
      <c r="G54" s="103"/>
      <c r="H54" s="103"/>
      <c r="I54" s="104"/>
      <c r="J54" s="109"/>
      <c r="K54" s="109"/>
      <c r="L54" s="109"/>
      <c r="M54" s="109"/>
      <c r="N54" s="109"/>
      <c r="O54" s="109"/>
      <c r="P54" s="109"/>
      <c r="Q54" s="109"/>
      <c r="R54" s="109"/>
      <c r="S54" s="109"/>
      <c r="T54" s="109"/>
      <c r="U54" s="109"/>
      <c r="V54" s="109"/>
      <c r="W54" s="110"/>
      <c r="X54" s="1"/>
    </row>
    <row r="55" spans="1:24" ht="9.75" customHeight="1">
      <c r="A55" s="33"/>
      <c r="B55" s="157"/>
      <c r="C55" s="106"/>
      <c r="D55" s="105"/>
      <c r="E55" s="106"/>
      <c r="F55" s="114"/>
      <c r="G55" s="107"/>
      <c r="H55" s="107"/>
      <c r="I55" s="108"/>
      <c r="J55" s="111"/>
      <c r="K55" s="111"/>
      <c r="L55" s="111"/>
      <c r="M55" s="111"/>
      <c r="N55" s="111"/>
      <c r="O55" s="111"/>
      <c r="P55" s="111"/>
      <c r="Q55" s="111"/>
      <c r="R55" s="111"/>
      <c r="S55" s="111"/>
      <c r="T55" s="111"/>
      <c r="U55" s="111"/>
      <c r="V55" s="111"/>
      <c r="W55" s="112"/>
      <c r="X55" s="1"/>
    </row>
    <row r="56" spans="1:24" ht="9.75" customHeight="1">
      <c r="A56" s="33"/>
      <c r="B56" s="157"/>
      <c r="C56" s="106"/>
      <c r="D56" s="105"/>
      <c r="E56" s="106"/>
      <c r="F56" s="113" t="s">
        <v>29</v>
      </c>
      <c r="G56" s="103"/>
      <c r="H56" s="103"/>
      <c r="I56" s="104"/>
      <c r="J56" s="109"/>
      <c r="K56" s="109"/>
      <c r="L56" s="109"/>
      <c r="M56" s="109"/>
      <c r="N56" s="109"/>
      <c r="O56" s="86"/>
      <c r="P56" s="113" t="s">
        <v>112</v>
      </c>
      <c r="Q56" s="104"/>
      <c r="R56" s="86"/>
      <c r="S56" s="86"/>
      <c r="T56" s="86"/>
      <c r="U56" s="86"/>
      <c r="V56" s="86"/>
      <c r="W56" s="87"/>
      <c r="X56" s="1"/>
    </row>
    <row r="57" spans="1:24" ht="9.75" customHeight="1">
      <c r="A57" s="33"/>
      <c r="B57" s="157"/>
      <c r="C57" s="106"/>
      <c r="D57" s="105"/>
      <c r="E57" s="106"/>
      <c r="F57" s="114"/>
      <c r="G57" s="107"/>
      <c r="H57" s="107"/>
      <c r="I57" s="108"/>
      <c r="J57" s="111"/>
      <c r="K57" s="111"/>
      <c r="L57" s="111"/>
      <c r="M57" s="111"/>
      <c r="N57" s="111"/>
      <c r="O57" s="88"/>
      <c r="P57" s="114"/>
      <c r="Q57" s="108"/>
      <c r="R57" s="88"/>
      <c r="S57" s="88"/>
      <c r="T57" s="88"/>
      <c r="U57" s="88"/>
      <c r="V57" s="88"/>
      <c r="W57" s="89"/>
      <c r="X57" s="1"/>
    </row>
    <row r="58" spans="1:24" ht="14.25" customHeight="1">
      <c r="A58" s="33"/>
      <c r="B58" s="157"/>
      <c r="C58" s="106"/>
      <c r="D58" s="105"/>
      <c r="E58" s="106"/>
      <c r="F58" s="113" t="s">
        <v>32</v>
      </c>
      <c r="G58" s="103"/>
      <c r="H58" s="103"/>
      <c r="I58" s="104"/>
      <c r="J58" s="131" t="s">
        <v>37</v>
      </c>
      <c r="K58" s="131"/>
      <c r="L58" s="131"/>
      <c r="M58" s="131"/>
      <c r="N58" s="131"/>
      <c r="O58" s="14" t="s">
        <v>17</v>
      </c>
      <c r="P58" s="132" t="s">
        <v>37</v>
      </c>
      <c r="Q58" s="132"/>
      <c r="R58" s="132"/>
      <c r="S58" s="132"/>
      <c r="T58" s="132"/>
      <c r="U58" s="28"/>
      <c r="V58" s="28"/>
      <c r="W58" s="41"/>
      <c r="X58" s="1"/>
    </row>
    <row r="59" spans="1:24">
      <c r="A59" s="33"/>
      <c r="B59" s="157"/>
      <c r="C59" s="106"/>
      <c r="D59" s="107"/>
      <c r="E59" s="108"/>
      <c r="F59" s="114"/>
      <c r="G59" s="107"/>
      <c r="H59" s="107"/>
      <c r="I59" s="108"/>
      <c r="J59" s="15"/>
      <c r="K59" s="15"/>
      <c r="L59" s="15"/>
      <c r="M59" s="15"/>
      <c r="N59" s="15"/>
      <c r="O59" s="15"/>
      <c r="P59" s="21"/>
      <c r="Q59" s="21" t="s">
        <v>10</v>
      </c>
      <c r="R59" s="67" t="str">
        <f>IF(ISERROR(DATEDIF(J58,P58+1,"Y")),"",DATEDIF(J58,P58+1,"Y"))</f>
        <v/>
      </c>
      <c r="S59" s="67" t="s">
        <v>8</v>
      </c>
      <c r="T59" s="67" t="str">
        <f>IF(ISERROR(DATEDIF(J58,P58+1,"YM")),"",DATEDIF(J58,P58+1,"YM"))</f>
        <v/>
      </c>
      <c r="U59" s="67" t="s">
        <v>14</v>
      </c>
      <c r="V59" s="67" t="s">
        <v>105</v>
      </c>
      <c r="W59" s="42" t="s">
        <v>12</v>
      </c>
      <c r="X59" s="1"/>
    </row>
    <row r="60" spans="1:24" ht="9.75" customHeight="1">
      <c r="A60" s="33"/>
      <c r="B60" s="157"/>
      <c r="C60" s="106"/>
      <c r="D60" s="103" t="s">
        <v>20</v>
      </c>
      <c r="E60" s="104"/>
      <c r="F60" s="113" t="s">
        <v>31</v>
      </c>
      <c r="G60" s="103"/>
      <c r="H60" s="103"/>
      <c r="I60" s="104"/>
      <c r="J60" s="109"/>
      <c r="K60" s="109"/>
      <c r="L60" s="109"/>
      <c r="M60" s="109"/>
      <c r="N60" s="109"/>
      <c r="O60" s="109"/>
      <c r="P60" s="109"/>
      <c r="Q60" s="109"/>
      <c r="R60" s="109"/>
      <c r="S60" s="109"/>
      <c r="T60" s="109"/>
      <c r="U60" s="109"/>
      <c r="V60" s="109"/>
      <c r="W60" s="110"/>
      <c r="X60" s="1"/>
    </row>
    <row r="61" spans="1:24" ht="9.75" customHeight="1">
      <c r="A61" s="33"/>
      <c r="B61" s="157"/>
      <c r="C61" s="106"/>
      <c r="D61" s="105"/>
      <c r="E61" s="106"/>
      <c r="F61" s="114"/>
      <c r="G61" s="107"/>
      <c r="H61" s="107"/>
      <c r="I61" s="108"/>
      <c r="J61" s="111"/>
      <c r="K61" s="111"/>
      <c r="L61" s="111"/>
      <c r="M61" s="111"/>
      <c r="N61" s="111"/>
      <c r="O61" s="111"/>
      <c r="P61" s="111"/>
      <c r="Q61" s="111"/>
      <c r="R61" s="111"/>
      <c r="S61" s="111"/>
      <c r="T61" s="111"/>
      <c r="U61" s="111"/>
      <c r="V61" s="111"/>
      <c r="W61" s="112"/>
      <c r="X61" s="1"/>
    </row>
    <row r="62" spans="1:24" ht="9.75" customHeight="1">
      <c r="A62" s="33"/>
      <c r="B62" s="157"/>
      <c r="C62" s="106"/>
      <c r="D62" s="105"/>
      <c r="E62" s="106"/>
      <c r="F62" s="113" t="s">
        <v>27</v>
      </c>
      <c r="G62" s="103"/>
      <c r="H62" s="103"/>
      <c r="I62" s="104"/>
      <c r="J62" s="109"/>
      <c r="K62" s="109"/>
      <c r="L62" s="109"/>
      <c r="M62" s="109"/>
      <c r="N62" s="109"/>
      <c r="O62" s="109"/>
      <c r="P62" s="109"/>
      <c r="Q62" s="109"/>
      <c r="R62" s="109"/>
      <c r="S62" s="109"/>
      <c r="T62" s="109"/>
      <c r="U62" s="109"/>
      <c r="V62" s="109"/>
      <c r="W62" s="110"/>
      <c r="X62" s="1"/>
    </row>
    <row r="63" spans="1:24" ht="9.75" customHeight="1">
      <c r="A63" s="33"/>
      <c r="B63" s="157"/>
      <c r="C63" s="106"/>
      <c r="D63" s="105"/>
      <c r="E63" s="106"/>
      <c r="F63" s="114"/>
      <c r="G63" s="107"/>
      <c r="H63" s="107"/>
      <c r="I63" s="108"/>
      <c r="J63" s="111"/>
      <c r="K63" s="111"/>
      <c r="L63" s="111"/>
      <c r="M63" s="111"/>
      <c r="N63" s="111"/>
      <c r="O63" s="111"/>
      <c r="P63" s="111"/>
      <c r="Q63" s="111"/>
      <c r="R63" s="111"/>
      <c r="S63" s="111"/>
      <c r="T63" s="111"/>
      <c r="U63" s="111"/>
      <c r="V63" s="111"/>
      <c r="W63" s="112"/>
      <c r="X63" s="1"/>
    </row>
    <row r="64" spans="1:24" ht="9.75" customHeight="1">
      <c r="A64" s="33"/>
      <c r="B64" s="157"/>
      <c r="C64" s="106"/>
      <c r="D64" s="105"/>
      <c r="E64" s="106"/>
      <c r="F64" s="113" t="s">
        <v>29</v>
      </c>
      <c r="G64" s="103"/>
      <c r="H64" s="103"/>
      <c r="I64" s="104"/>
      <c r="J64" s="109"/>
      <c r="K64" s="109"/>
      <c r="L64" s="109"/>
      <c r="M64" s="109"/>
      <c r="N64" s="109"/>
      <c r="O64" s="86"/>
      <c r="P64" s="113" t="s">
        <v>112</v>
      </c>
      <c r="Q64" s="104"/>
      <c r="R64" s="86"/>
      <c r="S64" s="86"/>
      <c r="T64" s="86"/>
      <c r="U64" s="86"/>
      <c r="V64" s="86"/>
      <c r="W64" s="87"/>
      <c r="X64" s="1"/>
    </row>
    <row r="65" spans="1:24" ht="9.75" customHeight="1">
      <c r="A65" s="33"/>
      <c r="B65" s="157"/>
      <c r="C65" s="106"/>
      <c r="D65" s="105"/>
      <c r="E65" s="106"/>
      <c r="F65" s="114"/>
      <c r="G65" s="107"/>
      <c r="H65" s="107"/>
      <c r="I65" s="108"/>
      <c r="J65" s="111"/>
      <c r="K65" s="111"/>
      <c r="L65" s="111"/>
      <c r="M65" s="111"/>
      <c r="N65" s="111"/>
      <c r="O65" s="88"/>
      <c r="P65" s="114"/>
      <c r="Q65" s="108"/>
      <c r="R65" s="88"/>
      <c r="S65" s="88"/>
      <c r="T65" s="88"/>
      <c r="U65" s="88"/>
      <c r="V65" s="88"/>
      <c r="W65" s="89"/>
      <c r="X65" s="1"/>
    </row>
    <row r="66" spans="1:24" ht="14.25" customHeight="1">
      <c r="A66" s="33"/>
      <c r="B66" s="157"/>
      <c r="C66" s="106"/>
      <c r="D66" s="105"/>
      <c r="E66" s="106"/>
      <c r="F66" s="113" t="s">
        <v>32</v>
      </c>
      <c r="G66" s="103"/>
      <c r="H66" s="103"/>
      <c r="I66" s="104"/>
      <c r="J66" s="131" t="s">
        <v>37</v>
      </c>
      <c r="K66" s="131"/>
      <c r="L66" s="131"/>
      <c r="M66" s="131"/>
      <c r="N66" s="131"/>
      <c r="O66" s="14" t="s">
        <v>17</v>
      </c>
      <c r="P66" s="132" t="s">
        <v>37</v>
      </c>
      <c r="Q66" s="132"/>
      <c r="R66" s="132"/>
      <c r="S66" s="132"/>
      <c r="T66" s="132"/>
      <c r="U66" s="28"/>
      <c r="V66" s="28"/>
      <c r="W66" s="41"/>
      <c r="X66" s="1"/>
    </row>
    <row r="67" spans="1:24">
      <c r="A67" s="33"/>
      <c r="B67" s="157"/>
      <c r="C67" s="106"/>
      <c r="D67" s="107"/>
      <c r="E67" s="108"/>
      <c r="F67" s="114"/>
      <c r="G67" s="107"/>
      <c r="H67" s="107"/>
      <c r="I67" s="108"/>
      <c r="J67" s="15"/>
      <c r="K67" s="15"/>
      <c r="L67" s="15"/>
      <c r="M67" s="15"/>
      <c r="N67" s="15"/>
      <c r="O67" s="15"/>
      <c r="P67" s="21"/>
      <c r="Q67" s="21" t="s">
        <v>10</v>
      </c>
      <c r="R67" s="67" t="str">
        <f>IF(ISERROR(DATEDIF(J66,P66+1,"Y")),"",DATEDIF(J66,P66+1,"Y"))</f>
        <v/>
      </c>
      <c r="S67" s="67" t="s">
        <v>8</v>
      </c>
      <c r="T67" s="67" t="str">
        <f>IF(ISERROR(DATEDIF(J66,P66+1,"YM")),"",DATEDIF(J66,P66+1,"YM"))</f>
        <v/>
      </c>
      <c r="U67" s="67" t="s">
        <v>14</v>
      </c>
      <c r="V67" s="67" t="s">
        <v>105</v>
      </c>
      <c r="W67" s="42" t="s">
        <v>12</v>
      </c>
      <c r="X67" s="1"/>
    </row>
    <row r="68" spans="1:24" ht="9.75" customHeight="1">
      <c r="A68" s="33"/>
      <c r="B68" s="157"/>
      <c r="C68" s="106"/>
      <c r="D68" s="103" t="s">
        <v>21</v>
      </c>
      <c r="E68" s="104"/>
      <c r="F68" s="113" t="s">
        <v>31</v>
      </c>
      <c r="G68" s="103"/>
      <c r="H68" s="103"/>
      <c r="I68" s="104"/>
      <c r="J68" s="109"/>
      <c r="K68" s="109"/>
      <c r="L68" s="109"/>
      <c r="M68" s="109"/>
      <c r="N68" s="109"/>
      <c r="O68" s="109"/>
      <c r="P68" s="109"/>
      <c r="Q68" s="109"/>
      <c r="R68" s="109"/>
      <c r="S68" s="109"/>
      <c r="T68" s="109"/>
      <c r="U68" s="109"/>
      <c r="V68" s="109"/>
      <c r="W68" s="110"/>
      <c r="X68" s="1"/>
    </row>
    <row r="69" spans="1:24" ht="9.75" customHeight="1">
      <c r="A69" s="33"/>
      <c r="B69" s="157"/>
      <c r="C69" s="106"/>
      <c r="D69" s="105"/>
      <c r="E69" s="106"/>
      <c r="F69" s="114"/>
      <c r="G69" s="107"/>
      <c r="H69" s="107"/>
      <c r="I69" s="108"/>
      <c r="J69" s="111"/>
      <c r="K69" s="111"/>
      <c r="L69" s="111"/>
      <c r="M69" s="111"/>
      <c r="N69" s="111"/>
      <c r="O69" s="111"/>
      <c r="P69" s="111"/>
      <c r="Q69" s="111"/>
      <c r="R69" s="111"/>
      <c r="S69" s="111"/>
      <c r="T69" s="111"/>
      <c r="U69" s="111"/>
      <c r="V69" s="111"/>
      <c r="W69" s="112"/>
      <c r="X69" s="1"/>
    </row>
    <row r="70" spans="1:24" ht="9.75" customHeight="1">
      <c r="A70" s="33"/>
      <c r="B70" s="157"/>
      <c r="C70" s="106"/>
      <c r="D70" s="105"/>
      <c r="E70" s="106"/>
      <c r="F70" s="113" t="s">
        <v>27</v>
      </c>
      <c r="G70" s="103"/>
      <c r="H70" s="103"/>
      <c r="I70" s="104"/>
      <c r="J70" s="109"/>
      <c r="K70" s="109"/>
      <c r="L70" s="109"/>
      <c r="M70" s="109"/>
      <c r="N70" s="109"/>
      <c r="O70" s="109"/>
      <c r="P70" s="109"/>
      <c r="Q70" s="109"/>
      <c r="R70" s="109"/>
      <c r="S70" s="109"/>
      <c r="T70" s="109"/>
      <c r="U70" s="109"/>
      <c r="V70" s="109"/>
      <c r="W70" s="110"/>
      <c r="X70" s="1"/>
    </row>
    <row r="71" spans="1:24" ht="9.75" customHeight="1">
      <c r="A71" s="33"/>
      <c r="B71" s="157"/>
      <c r="C71" s="106"/>
      <c r="D71" s="105"/>
      <c r="E71" s="106"/>
      <c r="F71" s="114"/>
      <c r="G71" s="107"/>
      <c r="H71" s="107"/>
      <c r="I71" s="108"/>
      <c r="J71" s="111"/>
      <c r="K71" s="111"/>
      <c r="L71" s="111"/>
      <c r="M71" s="111"/>
      <c r="N71" s="111"/>
      <c r="O71" s="111"/>
      <c r="P71" s="111"/>
      <c r="Q71" s="111"/>
      <c r="R71" s="111"/>
      <c r="S71" s="111"/>
      <c r="T71" s="111"/>
      <c r="U71" s="111"/>
      <c r="V71" s="111"/>
      <c r="W71" s="112"/>
      <c r="X71" s="1"/>
    </row>
    <row r="72" spans="1:24" ht="9.75" customHeight="1">
      <c r="A72" s="33"/>
      <c r="B72" s="157"/>
      <c r="C72" s="106"/>
      <c r="D72" s="105"/>
      <c r="E72" s="106"/>
      <c r="F72" s="113" t="s">
        <v>29</v>
      </c>
      <c r="G72" s="103"/>
      <c r="H72" s="103"/>
      <c r="I72" s="104"/>
      <c r="J72" s="109"/>
      <c r="K72" s="109"/>
      <c r="L72" s="109"/>
      <c r="M72" s="109"/>
      <c r="N72" s="109"/>
      <c r="O72" s="86"/>
      <c r="P72" s="113" t="s">
        <v>112</v>
      </c>
      <c r="Q72" s="104"/>
      <c r="R72" s="86"/>
      <c r="S72" s="86"/>
      <c r="T72" s="86"/>
      <c r="U72" s="86"/>
      <c r="V72" s="86"/>
      <c r="W72" s="87"/>
      <c r="X72" s="1"/>
    </row>
    <row r="73" spans="1:24" ht="9.75" customHeight="1">
      <c r="A73" s="33"/>
      <c r="B73" s="157"/>
      <c r="C73" s="106"/>
      <c r="D73" s="105"/>
      <c r="E73" s="106"/>
      <c r="F73" s="114"/>
      <c r="G73" s="107"/>
      <c r="H73" s="107"/>
      <c r="I73" s="108"/>
      <c r="J73" s="111"/>
      <c r="K73" s="111"/>
      <c r="L73" s="111"/>
      <c r="M73" s="111"/>
      <c r="N73" s="111"/>
      <c r="O73" s="88"/>
      <c r="P73" s="114"/>
      <c r="Q73" s="108"/>
      <c r="R73" s="88"/>
      <c r="S73" s="88"/>
      <c r="T73" s="88"/>
      <c r="U73" s="88"/>
      <c r="V73" s="88"/>
      <c r="W73" s="89"/>
      <c r="X73" s="1"/>
    </row>
    <row r="74" spans="1:24" ht="14.25" customHeight="1">
      <c r="A74" s="33"/>
      <c r="B74" s="157"/>
      <c r="C74" s="106"/>
      <c r="D74" s="105"/>
      <c r="E74" s="106"/>
      <c r="F74" s="113" t="s">
        <v>32</v>
      </c>
      <c r="G74" s="103"/>
      <c r="H74" s="103"/>
      <c r="I74" s="104"/>
      <c r="J74" s="131" t="s">
        <v>37</v>
      </c>
      <c r="K74" s="131"/>
      <c r="L74" s="131"/>
      <c r="M74" s="131"/>
      <c r="N74" s="131"/>
      <c r="O74" s="14" t="s">
        <v>17</v>
      </c>
      <c r="P74" s="132" t="s">
        <v>37</v>
      </c>
      <c r="Q74" s="132"/>
      <c r="R74" s="132"/>
      <c r="S74" s="132"/>
      <c r="T74" s="132"/>
      <c r="U74" s="28"/>
      <c r="V74" s="28"/>
      <c r="W74" s="41"/>
      <c r="X74" s="1"/>
    </row>
    <row r="75" spans="1:24">
      <c r="A75" s="33"/>
      <c r="B75" s="157"/>
      <c r="C75" s="106"/>
      <c r="D75" s="107"/>
      <c r="E75" s="108"/>
      <c r="F75" s="114"/>
      <c r="G75" s="107"/>
      <c r="H75" s="107"/>
      <c r="I75" s="108"/>
      <c r="J75" s="15"/>
      <c r="K75" s="15"/>
      <c r="L75" s="15"/>
      <c r="M75" s="15"/>
      <c r="N75" s="15"/>
      <c r="O75" s="15"/>
      <c r="P75" s="21"/>
      <c r="Q75" s="21" t="s">
        <v>10</v>
      </c>
      <c r="R75" s="67" t="str">
        <f>IF(ISERROR(DATEDIF(J74,P74+1,"Y")),"",DATEDIF(J74,P74+1,"Y"))</f>
        <v/>
      </c>
      <c r="S75" s="67" t="s">
        <v>8</v>
      </c>
      <c r="T75" s="67" t="str">
        <f>IF(ISERROR(DATEDIF(J74,P74+1,"YM")),"",DATEDIF(J74,P74+1,"YM"))</f>
        <v/>
      </c>
      <c r="U75" s="67" t="s">
        <v>14</v>
      </c>
      <c r="V75" s="67" t="s">
        <v>105</v>
      </c>
      <c r="W75" s="42" t="s">
        <v>12</v>
      </c>
      <c r="X75" s="1"/>
    </row>
    <row r="76" spans="1:24" ht="9.75" customHeight="1">
      <c r="A76" s="33"/>
      <c r="B76" s="157"/>
      <c r="C76" s="106"/>
      <c r="D76" s="103" t="s">
        <v>22</v>
      </c>
      <c r="E76" s="104"/>
      <c r="F76" s="113" t="s">
        <v>31</v>
      </c>
      <c r="G76" s="103"/>
      <c r="H76" s="103"/>
      <c r="I76" s="104"/>
      <c r="J76" s="109"/>
      <c r="K76" s="109"/>
      <c r="L76" s="109"/>
      <c r="M76" s="109"/>
      <c r="N76" s="109"/>
      <c r="O76" s="109"/>
      <c r="P76" s="109"/>
      <c r="Q76" s="109"/>
      <c r="R76" s="109"/>
      <c r="S76" s="109"/>
      <c r="T76" s="109"/>
      <c r="U76" s="109"/>
      <c r="V76" s="109"/>
      <c r="W76" s="110"/>
      <c r="X76" s="1"/>
    </row>
    <row r="77" spans="1:24" ht="9.75" customHeight="1">
      <c r="A77" s="33"/>
      <c r="B77" s="157"/>
      <c r="C77" s="106"/>
      <c r="D77" s="105"/>
      <c r="E77" s="106"/>
      <c r="F77" s="114"/>
      <c r="G77" s="107"/>
      <c r="H77" s="107"/>
      <c r="I77" s="108"/>
      <c r="J77" s="111"/>
      <c r="K77" s="111"/>
      <c r="L77" s="111"/>
      <c r="M77" s="111"/>
      <c r="N77" s="111"/>
      <c r="O77" s="111"/>
      <c r="P77" s="111"/>
      <c r="Q77" s="111"/>
      <c r="R77" s="111"/>
      <c r="S77" s="111"/>
      <c r="T77" s="111"/>
      <c r="U77" s="111"/>
      <c r="V77" s="111"/>
      <c r="W77" s="112"/>
      <c r="X77" s="1"/>
    </row>
    <row r="78" spans="1:24" ht="9.75" customHeight="1">
      <c r="A78" s="33"/>
      <c r="B78" s="157"/>
      <c r="C78" s="106"/>
      <c r="D78" s="105"/>
      <c r="E78" s="106"/>
      <c r="F78" s="113" t="s">
        <v>27</v>
      </c>
      <c r="G78" s="103"/>
      <c r="H78" s="103"/>
      <c r="I78" s="104"/>
      <c r="J78" s="109"/>
      <c r="K78" s="109"/>
      <c r="L78" s="109"/>
      <c r="M78" s="109"/>
      <c r="N78" s="109"/>
      <c r="O78" s="109"/>
      <c r="P78" s="109"/>
      <c r="Q78" s="109"/>
      <c r="R78" s="109"/>
      <c r="S78" s="109"/>
      <c r="T78" s="109"/>
      <c r="U78" s="109"/>
      <c r="V78" s="109"/>
      <c r="W78" s="110"/>
      <c r="X78" s="1"/>
    </row>
    <row r="79" spans="1:24" ht="9.75" customHeight="1">
      <c r="A79" s="33"/>
      <c r="B79" s="157"/>
      <c r="C79" s="106"/>
      <c r="D79" s="105"/>
      <c r="E79" s="106"/>
      <c r="F79" s="114"/>
      <c r="G79" s="107"/>
      <c r="H79" s="107"/>
      <c r="I79" s="108"/>
      <c r="J79" s="111"/>
      <c r="K79" s="111"/>
      <c r="L79" s="111"/>
      <c r="M79" s="111"/>
      <c r="N79" s="111"/>
      <c r="O79" s="111"/>
      <c r="P79" s="111"/>
      <c r="Q79" s="111"/>
      <c r="R79" s="111"/>
      <c r="S79" s="111"/>
      <c r="T79" s="111"/>
      <c r="U79" s="111"/>
      <c r="V79" s="111"/>
      <c r="W79" s="112"/>
      <c r="X79" s="1"/>
    </row>
    <row r="80" spans="1:24" ht="9.75" customHeight="1">
      <c r="A80" s="33"/>
      <c r="B80" s="157"/>
      <c r="C80" s="106"/>
      <c r="D80" s="105"/>
      <c r="E80" s="106"/>
      <c r="F80" s="113" t="s">
        <v>29</v>
      </c>
      <c r="G80" s="103"/>
      <c r="H80" s="103"/>
      <c r="I80" s="104"/>
      <c r="J80" s="109"/>
      <c r="K80" s="109"/>
      <c r="L80" s="109"/>
      <c r="M80" s="109"/>
      <c r="N80" s="109"/>
      <c r="O80" s="86"/>
      <c r="P80" s="113" t="s">
        <v>112</v>
      </c>
      <c r="Q80" s="104"/>
      <c r="R80" s="86"/>
      <c r="S80" s="86"/>
      <c r="T80" s="86"/>
      <c r="U80" s="86"/>
      <c r="V80" s="86"/>
      <c r="W80" s="87"/>
      <c r="X80" s="1"/>
    </row>
    <row r="81" spans="1:24" ht="9.75" customHeight="1">
      <c r="A81" s="33"/>
      <c r="B81" s="157"/>
      <c r="C81" s="106"/>
      <c r="D81" s="105"/>
      <c r="E81" s="106"/>
      <c r="F81" s="114"/>
      <c r="G81" s="107"/>
      <c r="H81" s="107"/>
      <c r="I81" s="108"/>
      <c r="J81" s="111"/>
      <c r="K81" s="111"/>
      <c r="L81" s="111"/>
      <c r="M81" s="111"/>
      <c r="N81" s="111"/>
      <c r="O81" s="88"/>
      <c r="P81" s="114"/>
      <c r="Q81" s="108"/>
      <c r="R81" s="88"/>
      <c r="S81" s="88"/>
      <c r="T81" s="88"/>
      <c r="U81" s="88"/>
      <c r="V81" s="88"/>
      <c r="W81" s="89"/>
      <c r="X81" s="1"/>
    </row>
    <row r="82" spans="1:24" ht="14.25" customHeight="1">
      <c r="A82" s="33"/>
      <c r="B82" s="157"/>
      <c r="C82" s="106"/>
      <c r="D82" s="105"/>
      <c r="E82" s="106"/>
      <c r="F82" s="113" t="s">
        <v>32</v>
      </c>
      <c r="G82" s="103"/>
      <c r="H82" s="103"/>
      <c r="I82" s="104"/>
      <c r="J82" s="131" t="s">
        <v>37</v>
      </c>
      <c r="K82" s="131"/>
      <c r="L82" s="131"/>
      <c r="M82" s="131"/>
      <c r="N82" s="131"/>
      <c r="O82" s="14" t="s">
        <v>17</v>
      </c>
      <c r="P82" s="132" t="s">
        <v>37</v>
      </c>
      <c r="Q82" s="132"/>
      <c r="R82" s="132"/>
      <c r="S82" s="132"/>
      <c r="T82" s="132"/>
      <c r="U82" s="28"/>
      <c r="V82" s="28"/>
      <c r="W82" s="41"/>
      <c r="X82" s="1"/>
    </row>
    <row r="83" spans="1:24">
      <c r="A83" s="33"/>
      <c r="B83" s="157"/>
      <c r="C83" s="106"/>
      <c r="D83" s="107"/>
      <c r="E83" s="108"/>
      <c r="F83" s="114"/>
      <c r="G83" s="107"/>
      <c r="H83" s="107"/>
      <c r="I83" s="108"/>
      <c r="J83" s="15"/>
      <c r="K83" s="15"/>
      <c r="L83" s="15"/>
      <c r="M83" s="15"/>
      <c r="N83" s="15"/>
      <c r="O83" s="15"/>
      <c r="P83" s="21"/>
      <c r="Q83" s="21" t="s">
        <v>10</v>
      </c>
      <c r="R83" s="67" t="str">
        <f>IF(ISERROR(DATEDIF(J82,P82+1,"Y")),"",DATEDIF(J82,P82+1,"Y"))</f>
        <v/>
      </c>
      <c r="S83" s="67" t="s">
        <v>8</v>
      </c>
      <c r="T83" s="67" t="str">
        <f>IF(ISERROR(DATEDIF(J82,P82+1,"YM")),"",DATEDIF(J82,P82+1,"YM"))</f>
        <v/>
      </c>
      <c r="U83" s="67" t="s">
        <v>14</v>
      </c>
      <c r="V83" s="67" t="s">
        <v>105</v>
      </c>
      <c r="W83" s="42" t="s">
        <v>12</v>
      </c>
      <c r="X83" s="1"/>
    </row>
    <row r="84" spans="1:24" ht="9.75" customHeight="1">
      <c r="A84" s="33"/>
      <c r="B84" s="157"/>
      <c r="C84" s="106"/>
      <c r="D84" s="103" t="s">
        <v>33</v>
      </c>
      <c r="E84" s="104"/>
      <c r="F84" s="113" t="s">
        <v>31</v>
      </c>
      <c r="G84" s="103"/>
      <c r="H84" s="103"/>
      <c r="I84" s="104"/>
      <c r="J84" s="109"/>
      <c r="K84" s="109"/>
      <c r="L84" s="109"/>
      <c r="M84" s="109"/>
      <c r="N84" s="109"/>
      <c r="O84" s="109"/>
      <c r="P84" s="109"/>
      <c r="Q84" s="109"/>
      <c r="R84" s="109"/>
      <c r="S84" s="109"/>
      <c r="T84" s="109"/>
      <c r="U84" s="109"/>
      <c r="V84" s="109"/>
      <c r="W84" s="110"/>
      <c r="X84" s="1"/>
    </row>
    <row r="85" spans="1:24" ht="9.75" customHeight="1">
      <c r="A85" s="33"/>
      <c r="B85" s="157"/>
      <c r="C85" s="106"/>
      <c r="D85" s="105"/>
      <c r="E85" s="106"/>
      <c r="F85" s="114"/>
      <c r="G85" s="107"/>
      <c r="H85" s="107"/>
      <c r="I85" s="108"/>
      <c r="J85" s="111"/>
      <c r="K85" s="111"/>
      <c r="L85" s="111"/>
      <c r="M85" s="111"/>
      <c r="N85" s="111"/>
      <c r="O85" s="111"/>
      <c r="P85" s="111"/>
      <c r="Q85" s="111"/>
      <c r="R85" s="111"/>
      <c r="S85" s="111"/>
      <c r="T85" s="111"/>
      <c r="U85" s="111"/>
      <c r="V85" s="111"/>
      <c r="W85" s="112"/>
      <c r="X85" s="1"/>
    </row>
    <row r="86" spans="1:24" ht="9.75" customHeight="1">
      <c r="A86" s="33"/>
      <c r="B86" s="157"/>
      <c r="C86" s="106"/>
      <c r="D86" s="105"/>
      <c r="E86" s="106"/>
      <c r="F86" s="113" t="s">
        <v>27</v>
      </c>
      <c r="G86" s="103"/>
      <c r="H86" s="103"/>
      <c r="I86" s="104"/>
      <c r="J86" s="109"/>
      <c r="K86" s="109"/>
      <c r="L86" s="109"/>
      <c r="M86" s="109"/>
      <c r="N86" s="109"/>
      <c r="O86" s="109"/>
      <c r="P86" s="109"/>
      <c r="Q86" s="109"/>
      <c r="R86" s="109"/>
      <c r="S86" s="109"/>
      <c r="T86" s="109"/>
      <c r="U86" s="109"/>
      <c r="V86" s="109"/>
      <c r="W86" s="110"/>
      <c r="X86" s="1"/>
    </row>
    <row r="87" spans="1:24" ht="9.75" customHeight="1">
      <c r="A87" s="33"/>
      <c r="B87" s="157"/>
      <c r="C87" s="106"/>
      <c r="D87" s="105"/>
      <c r="E87" s="106"/>
      <c r="F87" s="114"/>
      <c r="G87" s="107"/>
      <c r="H87" s="107"/>
      <c r="I87" s="108"/>
      <c r="J87" s="111"/>
      <c r="K87" s="111"/>
      <c r="L87" s="111"/>
      <c r="M87" s="111"/>
      <c r="N87" s="111"/>
      <c r="O87" s="111"/>
      <c r="P87" s="111"/>
      <c r="Q87" s="111"/>
      <c r="R87" s="111"/>
      <c r="S87" s="111"/>
      <c r="T87" s="111"/>
      <c r="U87" s="111"/>
      <c r="V87" s="111"/>
      <c r="W87" s="112"/>
      <c r="X87" s="1"/>
    </row>
    <row r="88" spans="1:24" ht="9.75" customHeight="1">
      <c r="A88" s="33"/>
      <c r="B88" s="157"/>
      <c r="C88" s="106"/>
      <c r="D88" s="105"/>
      <c r="E88" s="106"/>
      <c r="F88" s="113" t="s">
        <v>29</v>
      </c>
      <c r="G88" s="103"/>
      <c r="H88" s="103"/>
      <c r="I88" s="104"/>
      <c r="J88" s="109"/>
      <c r="K88" s="109"/>
      <c r="L88" s="109"/>
      <c r="M88" s="109"/>
      <c r="N88" s="109"/>
      <c r="O88" s="86"/>
      <c r="P88" s="113" t="s">
        <v>112</v>
      </c>
      <c r="Q88" s="104"/>
      <c r="R88" s="86"/>
      <c r="S88" s="86"/>
      <c r="T88" s="86"/>
      <c r="U88" s="86"/>
      <c r="V88" s="86"/>
      <c r="W88" s="87"/>
      <c r="X88" s="1"/>
    </row>
    <row r="89" spans="1:24" ht="9.75" customHeight="1">
      <c r="A89" s="33"/>
      <c r="B89" s="157"/>
      <c r="C89" s="106"/>
      <c r="D89" s="105"/>
      <c r="E89" s="106"/>
      <c r="F89" s="114"/>
      <c r="G89" s="107"/>
      <c r="H89" s="107"/>
      <c r="I89" s="108"/>
      <c r="J89" s="111"/>
      <c r="K89" s="111"/>
      <c r="L89" s="111"/>
      <c r="M89" s="111"/>
      <c r="N89" s="111"/>
      <c r="O89" s="88"/>
      <c r="P89" s="114"/>
      <c r="Q89" s="108"/>
      <c r="R89" s="88"/>
      <c r="S89" s="88"/>
      <c r="T89" s="88"/>
      <c r="U89" s="88"/>
      <c r="V89" s="88"/>
      <c r="W89" s="89"/>
      <c r="X89" s="1"/>
    </row>
    <row r="90" spans="1:24" ht="17.25" customHeight="1">
      <c r="A90" s="33"/>
      <c r="B90" s="157"/>
      <c r="C90" s="106"/>
      <c r="D90" s="105"/>
      <c r="E90" s="106"/>
      <c r="F90" s="113" t="s">
        <v>32</v>
      </c>
      <c r="G90" s="103"/>
      <c r="H90" s="103"/>
      <c r="I90" s="104"/>
      <c r="J90" s="131" t="s">
        <v>37</v>
      </c>
      <c r="K90" s="131"/>
      <c r="L90" s="131"/>
      <c r="M90" s="131"/>
      <c r="N90" s="131"/>
      <c r="O90" s="14" t="s">
        <v>17</v>
      </c>
      <c r="P90" s="132" t="s">
        <v>37</v>
      </c>
      <c r="Q90" s="132"/>
      <c r="R90" s="132"/>
      <c r="S90" s="132"/>
      <c r="T90" s="132"/>
      <c r="U90" s="28"/>
      <c r="V90" s="28"/>
      <c r="W90" s="41"/>
      <c r="X90" s="1"/>
    </row>
    <row r="91" spans="1:24" ht="15" customHeight="1">
      <c r="A91" s="33"/>
      <c r="B91" s="114"/>
      <c r="C91" s="108"/>
      <c r="D91" s="107"/>
      <c r="E91" s="108"/>
      <c r="F91" s="114"/>
      <c r="G91" s="107"/>
      <c r="H91" s="107"/>
      <c r="I91" s="108"/>
      <c r="J91" s="15"/>
      <c r="K91" s="15"/>
      <c r="L91" s="15"/>
      <c r="M91" s="15"/>
      <c r="N91" s="15"/>
      <c r="O91" s="15"/>
      <c r="P91" s="21"/>
      <c r="Q91" s="21" t="s">
        <v>10</v>
      </c>
      <c r="R91" s="67" t="str">
        <f>IF(ISERROR(DATEDIF(J90,P90+1,"Y")),"",DATEDIF(J90,P90+1,"Y"))</f>
        <v/>
      </c>
      <c r="S91" s="67" t="s">
        <v>8</v>
      </c>
      <c r="T91" s="67" t="str">
        <f>IF(ISERROR(DATEDIF(J90,P90+1,"YM")),"",DATEDIF(J90,P90+1,"YM"))</f>
        <v/>
      </c>
      <c r="U91" s="67" t="s">
        <v>14</v>
      </c>
      <c r="V91" s="67" t="s">
        <v>105</v>
      </c>
      <c r="W91" s="42" t="s">
        <v>12</v>
      </c>
      <c r="X91" s="1"/>
    </row>
    <row r="92" spans="1:24" ht="24.75" customHeight="1">
      <c r="A92" s="33"/>
      <c r="B92" s="72"/>
      <c r="C92" s="72"/>
      <c r="D92" s="82"/>
      <c r="E92" s="82"/>
      <c r="F92" s="82"/>
      <c r="G92" s="82"/>
      <c r="H92" s="82"/>
      <c r="I92" s="82"/>
      <c r="J92" s="72"/>
      <c r="K92" s="72"/>
      <c r="L92" s="72"/>
      <c r="M92" s="72"/>
      <c r="N92" s="72"/>
      <c r="O92" s="72"/>
      <c r="P92" s="73"/>
      <c r="Q92" s="73"/>
      <c r="R92" s="68"/>
      <c r="S92" s="68"/>
      <c r="T92" s="68"/>
      <c r="U92" s="68"/>
      <c r="V92" s="68"/>
      <c r="W92" s="73"/>
      <c r="X92" s="1"/>
    </row>
    <row r="93" spans="1:24" ht="16.5" customHeight="1">
      <c r="A93" s="33"/>
      <c r="B93" s="40" t="s">
        <v>64</v>
      </c>
      <c r="C93" s="35"/>
      <c r="D93" s="35"/>
      <c r="E93" s="83"/>
      <c r="F93" s="36"/>
      <c r="G93" s="36"/>
      <c r="H93" s="36"/>
      <c r="I93" s="36"/>
      <c r="J93" s="36"/>
      <c r="K93" s="36"/>
      <c r="L93" s="36"/>
      <c r="M93" s="36"/>
      <c r="N93" s="36"/>
      <c r="O93" s="36"/>
      <c r="P93" s="36"/>
      <c r="Q93" s="36"/>
      <c r="R93" s="36"/>
      <c r="S93" s="36"/>
      <c r="T93" s="36"/>
      <c r="U93" s="36"/>
      <c r="V93" s="36"/>
      <c r="W93" s="36"/>
      <c r="X93" s="1"/>
    </row>
    <row r="94" spans="1:24" ht="16.5" customHeight="1">
      <c r="A94" s="33"/>
      <c r="B94" s="234" t="s">
        <v>65</v>
      </c>
      <c r="C94" s="235"/>
      <c r="D94" s="235"/>
      <c r="E94" s="235"/>
      <c r="F94" s="235"/>
      <c r="G94" s="235"/>
      <c r="H94" s="235"/>
      <c r="I94" s="235"/>
      <c r="J94" s="236"/>
      <c r="K94" s="234" t="s">
        <v>67</v>
      </c>
      <c r="L94" s="235"/>
      <c r="M94" s="235"/>
      <c r="N94" s="235"/>
      <c r="O94" s="236"/>
      <c r="P94" s="234" t="s">
        <v>68</v>
      </c>
      <c r="Q94" s="235"/>
      <c r="R94" s="235"/>
      <c r="S94" s="235"/>
      <c r="T94" s="235"/>
      <c r="U94" s="236"/>
      <c r="V94" s="234" t="s">
        <v>69</v>
      </c>
      <c r="W94" s="236"/>
      <c r="X94" s="1"/>
    </row>
    <row r="95" spans="1:24" ht="16.5" customHeight="1">
      <c r="A95" s="33"/>
      <c r="B95" s="240" t="s">
        <v>66</v>
      </c>
      <c r="C95" s="241"/>
      <c r="D95" s="241"/>
      <c r="E95" s="241"/>
      <c r="F95" s="84" t="s">
        <v>17</v>
      </c>
      <c r="G95" s="241" t="s">
        <v>66</v>
      </c>
      <c r="H95" s="241"/>
      <c r="I95" s="241"/>
      <c r="J95" s="242"/>
      <c r="K95" s="67" t="str">
        <f>IF(ISERROR(DATEDIF(B95,G95+1,"Y")),"",DATEDIF(B95,G95+1,"Y"))</f>
        <v/>
      </c>
      <c r="L95" s="74" t="s">
        <v>8</v>
      </c>
      <c r="M95" s="67" t="str">
        <f>IF(ISERROR(DATEDIF(B95,G95+1,"YM")),"",DATEDIF(B95,G95+1,"YM"))</f>
        <v/>
      </c>
      <c r="N95" s="75" t="s">
        <v>14</v>
      </c>
      <c r="O95" s="76" t="s">
        <v>105</v>
      </c>
      <c r="P95" s="237"/>
      <c r="Q95" s="238"/>
      <c r="R95" s="238"/>
      <c r="S95" s="238"/>
      <c r="T95" s="238"/>
      <c r="U95" s="239"/>
      <c r="V95" s="230"/>
      <c r="W95" s="231"/>
      <c r="X95" s="1"/>
    </row>
    <row r="96" spans="1:24" ht="16.5" customHeight="1">
      <c r="A96" s="33"/>
      <c r="B96" s="240" t="s">
        <v>66</v>
      </c>
      <c r="C96" s="241"/>
      <c r="D96" s="241"/>
      <c r="E96" s="241"/>
      <c r="F96" s="84" t="s">
        <v>17</v>
      </c>
      <c r="G96" s="241" t="s">
        <v>66</v>
      </c>
      <c r="H96" s="241"/>
      <c r="I96" s="241"/>
      <c r="J96" s="242"/>
      <c r="K96" s="67" t="str">
        <f>IF(ISERROR(DATEDIF(B96,G96+1,"Y")),"",DATEDIF(B96,G96+1,"Y"))</f>
        <v/>
      </c>
      <c r="L96" s="74" t="s">
        <v>8</v>
      </c>
      <c r="M96" s="67" t="str">
        <f>IF(ISERROR(DATEDIF(B96,G96+1,"YM")),"",DATEDIF(B96,G96+1,"YM"))</f>
        <v/>
      </c>
      <c r="N96" s="75" t="s">
        <v>14</v>
      </c>
      <c r="O96" s="76" t="s">
        <v>105</v>
      </c>
      <c r="P96" s="237"/>
      <c r="Q96" s="238"/>
      <c r="R96" s="238"/>
      <c r="S96" s="238"/>
      <c r="T96" s="238"/>
      <c r="U96" s="239"/>
      <c r="V96" s="230"/>
      <c r="W96" s="231"/>
      <c r="X96" s="1"/>
    </row>
    <row r="97" spans="1:24" ht="16.5" customHeight="1">
      <c r="A97" s="33"/>
      <c r="B97" s="240" t="s">
        <v>66</v>
      </c>
      <c r="C97" s="241"/>
      <c r="D97" s="241"/>
      <c r="E97" s="241"/>
      <c r="F97" s="84" t="s">
        <v>17</v>
      </c>
      <c r="G97" s="241" t="s">
        <v>66</v>
      </c>
      <c r="H97" s="241"/>
      <c r="I97" s="241"/>
      <c r="J97" s="242"/>
      <c r="K97" s="67" t="str">
        <f>IF(ISERROR(DATEDIF(B97,G97+1,"Y")),"",DATEDIF(B97,G97+1,"Y"))</f>
        <v/>
      </c>
      <c r="L97" s="74" t="s">
        <v>8</v>
      </c>
      <c r="M97" s="67" t="str">
        <f>IF(ISERROR(DATEDIF(B97,G97+1,"YM")),"",DATEDIF(B97,G97+1,"YM"))</f>
        <v/>
      </c>
      <c r="N97" s="75" t="s">
        <v>14</v>
      </c>
      <c r="O97" s="76" t="s">
        <v>105</v>
      </c>
      <c r="P97" s="237"/>
      <c r="Q97" s="238"/>
      <c r="R97" s="238"/>
      <c r="S97" s="238"/>
      <c r="T97" s="238"/>
      <c r="U97" s="239"/>
      <c r="V97" s="230"/>
      <c r="W97" s="231"/>
      <c r="X97" s="1"/>
    </row>
    <row r="98" spans="1:24" ht="16.5" customHeight="1">
      <c r="A98" s="33"/>
      <c r="B98" s="240" t="s">
        <v>66</v>
      </c>
      <c r="C98" s="241"/>
      <c r="D98" s="241"/>
      <c r="E98" s="241"/>
      <c r="F98" s="84" t="s">
        <v>17</v>
      </c>
      <c r="G98" s="241" t="s">
        <v>66</v>
      </c>
      <c r="H98" s="241"/>
      <c r="I98" s="241"/>
      <c r="J98" s="242"/>
      <c r="K98" s="67" t="str">
        <f>IF(ISERROR(DATEDIF(B98,G98+1,"Y")),"",DATEDIF(B98,G98+1,"Y"))</f>
        <v/>
      </c>
      <c r="L98" s="74" t="s">
        <v>8</v>
      </c>
      <c r="M98" s="67" t="str">
        <f>IF(ISERROR(DATEDIF(B98,G98+1,"YM")),"",DATEDIF(B98,G98+1,"YM"))</f>
        <v/>
      </c>
      <c r="N98" s="75" t="s">
        <v>14</v>
      </c>
      <c r="O98" s="76" t="s">
        <v>105</v>
      </c>
      <c r="P98" s="237"/>
      <c r="Q98" s="238"/>
      <c r="R98" s="238"/>
      <c r="S98" s="238"/>
      <c r="T98" s="238"/>
      <c r="U98" s="239"/>
      <c r="V98" s="230"/>
      <c r="W98" s="231"/>
      <c r="X98" s="1"/>
    </row>
    <row r="99" spans="1:24">
      <c r="A99" s="33"/>
      <c r="B99" s="28"/>
      <c r="C99" s="28"/>
      <c r="D99" s="28"/>
      <c r="E99" s="28"/>
      <c r="F99" s="28"/>
      <c r="G99" s="28"/>
      <c r="H99" s="28"/>
      <c r="I99" s="28"/>
      <c r="J99" s="28"/>
      <c r="K99" s="28"/>
      <c r="L99" s="28"/>
      <c r="M99" s="28"/>
      <c r="N99" s="28"/>
      <c r="O99" s="28"/>
      <c r="P99" s="28"/>
      <c r="Q99" s="28"/>
      <c r="R99" s="28"/>
      <c r="S99" s="28"/>
      <c r="T99" s="28"/>
      <c r="U99" s="28"/>
      <c r="V99" s="28"/>
      <c r="W99" s="28"/>
      <c r="X99" s="1"/>
    </row>
    <row r="100" spans="1:24" ht="16.5" customHeight="1">
      <c r="A100" s="33"/>
      <c r="B100" s="40" t="s">
        <v>72</v>
      </c>
      <c r="C100" s="35"/>
      <c r="D100" s="35"/>
      <c r="E100" s="83"/>
      <c r="F100" s="232"/>
      <c r="G100" s="232"/>
      <c r="H100" s="232"/>
      <c r="I100" s="232"/>
      <c r="J100" s="232"/>
      <c r="K100" s="232"/>
      <c r="L100" s="232"/>
      <c r="M100" s="232"/>
      <c r="N100" s="232"/>
      <c r="O100" s="232"/>
      <c r="P100" s="232"/>
      <c r="Q100" s="232"/>
      <c r="R100" s="232"/>
      <c r="S100" s="232"/>
      <c r="T100" s="232"/>
      <c r="U100" s="232"/>
      <c r="V100" s="232"/>
      <c r="W100" s="232"/>
      <c r="X100" s="1"/>
    </row>
    <row r="101" spans="1:24" ht="16.5" customHeight="1">
      <c r="A101" s="33"/>
      <c r="B101" s="77"/>
      <c r="C101" s="78"/>
      <c r="D101" s="78"/>
      <c r="E101" s="79"/>
      <c r="F101" s="233"/>
      <c r="G101" s="233"/>
      <c r="H101" s="233"/>
      <c r="I101" s="233"/>
      <c r="J101" s="233"/>
      <c r="K101" s="233"/>
      <c r="L101" s="233"/>
      <c r="M101" s="233"/>
      <c r="N101" s="233"/>
      <c r="O101" s="233"/>
      <c r="P101" s="233"/>
      <c r="Q101" s="233"/>
      <c r="R101" s="233"/>
      <c r="S101" s="233"/>
      <c r="T101" s="233"/>
      <c r="U101" s="233"/>
      <c r="V101" s="233"/>
      <c r="W101" s="233"/>
      <c r="X101" s="1"/>
    </row>
    <row r="102" spans="1:24" ht="16.5" customHeight="1" thickBot="1">
      <c r="A102" s="37"/>
      <c r="B102" s="98"/>
      <c r="C102" s="99"/>
      <c r="D102" s="99"/>
      <c r="E102" s="100"/>
      <c r="F102" s="101"/>
      <c r="G102" s="101"/>
      <c r="H102" s="101"/>
      <c r="I102" s="101"/>
      <c r="J102" s="101"/>
      <c r="K102" s="101"/>
      <c r="L102" s="101"/>
      <c r="M102" s="101"/>
      <c r="N102" s="101"/>
      <c r="O102" s="101"/>
      <c r="P102" s="101"/>
      <c r="Q102" s="101"/>
      <c r="R102" s="101"/>
      <c r="S102" s="101"/>
      <c r="T102" s="101"/>
      <c r="U102" s="101"/>
      <c r="V102" s="101"/>
      <c r="W102" s="101"/>
      <c r="X102" s="38"/>
    </row>
  </sheetData>
  <dataConsolidate/>
  <mergeCells count="152">
    <mergeCell ref="R2:W2"/>
    <mergeCell ref="B3:I3"/>
    <mergeCell ref="J3:L4"/>
    <mergeCell ref="M3:N3"/>
    <mergeCell ref="O3:W3"/>
    <mergeCell ref="M4:N4"/>
    <mergeCell ref="O4:W4"/>
    <mergeCell ref="B5:E5"/>
    <mergeCell ref="F5:L5"/>
    <mergeCell ref="M5:P8"/>
    <mergeCell ref="B6:E7"/>
    <mergeCell ref="F6:L7"/>
    <mergeCell ref="R6:V6"/>
    <mergeCell ref="S7:T7"/>
    <mergeCell ref="B8:E8"/>
    <mergeCell ref="H8:J8"/>
    <mergeCell ref="S8:T8"/>
    <mergeCell ref="B9:E10"/>
    <mergeCell ref="F9:W10"/>
    <mergeCell ref="B11:E12"/>
    <mergeCell ref="F11:L12"/>
    <mergeCell ref="M11:P12"/>
    <mergeCell ref="Q11:R12"/>
    <mergeCell ref="S11:S12"/>
    <mergeCell ref="T11:U12"/>
    <mergeCell ref="V11:V12"/>
    <mergeCell ref="W11:W12"/>
    <mergeCell ref="K24:W24"/>
    <mergeCell ref="F25:J25"/>
    <mergeCell ref="K25:W25"/>
    <mergeCell ref="F26:J26"/>
    <mergeCell ref="K26:W26"/>
    <mergeCell ref="F27:J27"/>
    <mergeCell ref="K27:W27"/>
    <mergeCell ref="B13:E13"/>
    <mergeCell ref="F13:W13"/>
    <mergeCell ref="B14:E21"/>
    <mergeCell ref="F14:W21"/>
    <mergeCell ref="B22:E27"/>
    <mergeCell ref="F22:J22"/>
    <mergeCell ref="K22:W22"/>
    <mergeCell ref="F23:J23"/>
    <mergeCell ref="K23:W23"/>
    <mergeCell ref="F24:J24"/>
    <mergeCell ref="B37:E37"/>
    <mergeCell ref="B52:C91"/>
    <mergeCell ref="D52:E59"/>
    <mergeCell ref="H37:J37"/>
    <mergeCell ref="S37:T37"/>
    <mergeCell ref="F38:W38"/>
    <mergeCell ref="F39:J39"/>
    <mergeCell ref="L39:U39"/>
    <mergeCell ref="V39:W39"/>
    <mergeCell ref="J46:W47"/>
    <mergeCell ref="F48:I49"/>
    <mergeCell ref="J48:N49"/>
    <mergeCell ref="O48:R49"/>
    <mergeCell ref="S48:W49"/>
    <mergeCell ref="F50:I51"/>
    <mergeCell ref="J50:N50"/>
    <mergeCell ref="P50:T50"/>
    <mergeCell ref="F56:I57"/>
    <mergeCell ref="F52:I53"/>
    <mergeCell ref="F54:I55"/>
    <mergeCell ref="J52:W53"/>
    <mergeCell ref="J54:W55"/>
    <mergeCell ref="J56:N57"/>
    <mergeCell ref="P56:Q57"/>
    <mergeCell ref="D76:E83"/>
    <mergeCell ref="J76:W77"/>
    <mergeCell ref="J78:W79"/>
    <mergeCell ref="J80:N81"/>
    <mergeCell ref="F66:I67"/>
    <mergeCell ref="J66:N66"/>
    <mergeCell ref="F60:I61"/>
    <mergeCell ref="F62:I63"/>
    <mergeCell ref="B28:E28"/>
    <mergeCell ref="F28:W28"/>
    <mergeCell ref="B42:E51"/>
    <mergeCell ref="F42:I43"/>
    <mergeCell ref="J42:W43"/>
    <mergeCell ref="F44:I45"/>
    <mergeCell ref="J44:W45"/>
    <mergeCell ref="F46:I47"/>
    <mergeCell ref="B34:E34"/>
    <mergeCell ref="F34:L34"/>
    <mergeCell ref="M34:P37"/>
    <mergeCell ref="B35:E36"/>
    <mergeCell ref="F35:L36"/>
    <mergeCell ref="R35:V35"/>
    <mergeCell ref="S36:T36"/>
    <mergeCell ref="F58:I59"/>
    <mergeCell ref="J58:N58"/>
    <mergeCell ref="P58:T58"/>
    <mergeCell ref="P66:T66"/>
    <mergeCell ref="F64:I65"/>
    <mergeCell ref="F80:I81"/>
    <mergeCell ref="F82:I83"/>
    <mergeCell ref="J82:N82"/>
    <mergeCell ref="F76:I77"/>
    <mergeCell ref="F78:I79"/>
    <mergeCell ref="P82:T82"/>
    <mergeCell ref="F72:I73"/>
    <mergeCell ref="F74:I75"/>
    <mergeCell ref="J74:N74"/>
    <mergeCell ref="F68:I69"/>
    <mergeCell ref="F70:I71"/>
    <mergeCell ref="P74:T74"/>
    <mergeCell ref="D60:E67"/>
    <mergeCell ref="J60:W61"/>
    <mergeCell ref="J62:W63"/>
    <mergeCell ref="J64:N65"/>
    <mergeCell ref="D68:E75"/>
    <mergeCell ref="J68:W69"/>
    <mergeCell ref="J70:W71"/>
    <mergeCell ref="J72:N73"/>
    <mergeCell ref="P96:U96"/>
    <mergeCell ref="V96:W96"/>
    <mergeCell ref="D84:E91"/>
    <mergeCell ref="F84:I85"/>
    <mergeCell ref="J84:W85"/>
    <mergeCell ref="F86:I87"/>
    <mergeCell ref="J86:W87"/>
    <mergeCell ref="F88:I89"/>
    <mergeCell ref="J88:N89"/>
    <mergeCell ref="F90:I91"/>
    <mergeCell ref="J90:N90"/>
    <mergeCell ref="P90:T90"/>
    <mergeCell ref="P64:Q65"/>
    <mergeCell ref="P72:Q73"/>
    <mergeCell ref="P80:Q81"/>
    <mergeCell ref="P88:Q89"/>
    <mergeCell ref="F101:W101"/>
    <mergeCell ref="B97:E97"/>
    <mergeCell ref="G97:J97"/>
    <mergeCell ref="P97:U97"/>
    <mergeCell ref="V97:W97"/>
    <mergeCell ref="B98:E98"/>
    <mergeCell ref="G98:J98"/>
    <mergeCell ref="P98:U98"/>
    <mergeCell ref="V98:W98"/>
    <mergeCell ref="F100:W100"/>
    <mergeCell ref="B94:J94"/>
    <mergeCell ref="K94:O94"/>
    <mergeCell ref="P94:U94"/>
    <mergeCell ref="V94:W94"/>
    <mergeCell ref="B95:E95"/>
    <mergeCell ref="G95:J95"/>
    <mergeCell ref="P95:U95"/>
    <mergeCell ref="V95:W95"/>
    <mergeCell ref="B96:E96"/>
    <mergeCell ref="G96:J96"/>
  </mergeCells>
  <phoneticPr fontId="8"/>
  <dataValidations count="4">
    <dataValidation type="list" allowBlank="1" showInputMessage="1" showErrorMessage="1" sqref="H8:J8 H37:J37">
      <formula1>"男,女"</formula1>
    </dataValidation>
    <dataValidation imeMode="off" allowBlank="1" showInputMessage="1" showErrorMessage="1" sqref="R6:V6 F23:J27 J66:N66 J58:N58 P74:T74 R35 P66:T66 J74:N74 J50:N50 P50:T50 P58:T58 J82:N82 P82:T82 J90:N90 P90:T90 F39"/>
    <dataValidation imeMode="on" allowBlank="1" showInputMessage="1" showErrorMessage="1" sqref="F6:L7 F9:W10 F35:L36"/>
    <dataValidation imeMode="hiragana" allowBlank="1" showInputMessage="1" showErrorMessage="1" sqref="F5:L5 F34:L34"/>
  </dataValidations>
  <printOptions horizontalCentered="1" verticalCentered="1"/>
  <pageMargins left="0.7" right="0.7" top="0.75" bottom="0.75" header="0.3" footer="0.3"/>
  <pageSetup paperSize="9" scale="86" orientation="portrait" cellComments="asDisplayed" r:id="rId1"/>
  <rowBreaks count="1" manualBreakCount="1">
    <brk id="30" max="23" man="1"/>
  </rowBreaks>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01"/>
  <sheetViews>
    <sheetView view="pageBreakPreview" zoomScale="60" zoomScaleNormal="100" workbookViewId="0">
      <selection activeCell="AO68" sqref="AO68"/>
    </sheetView>
  </sheetViews>
  <sheetFormatPr defaultRowHeight="14.4"/>
  <cols>
    <col min="1" max="1" width="1" customWidth="1"/>
    <col min="2" max="11" width="3.59765625" customWidth="1"/>
    <col min="12" max="12" width="4.69921875" customWidth="1"/>
    <col min="13" max="13" width="3.59765625" customWidth="1"/>
    <col min="14" max="14" width="3.09765625" customWidth="1"/>
    <col min="15" max="20" width="3.59765625" customWidth="1"/>
    <col min="21" max="21" width="4.19921875" customWidth="1"/>
    <col min="22" max="23" width="3.59765625" customWidth="1"/>
    <col min="24" max="24" width="1.3984375" customWidth="1"/>
    <col min="25" max="25" width="3.59765625" customWidth="1"/>
    <col min="26" max="26" width="11.09765625" customWidth="1"/>
  </cols>
  <sheetData>
    <row r="1" spans="1:24" ht="15" customHeight="1">
      <c r="B1" s="2" t="s">
        <v>114</v>
      </c>
      <c r="C1" s="2"/>
      <c r="D1" s="2"/>
      <c r="E1" s="2"/>
      <c r="F1" s="2"/>
      <c r="G1" s="2"/>
      <c r="H1" s="2"/>
      <c r="I1" s="2"/>
      <c r="J1" s="2"/>
      <c r="K1" s="94" t="s">
        <v>120</v>
      </c>
      <c r="L1" s="16"/>
      <c r="M1" s="16"/>
      <c r="N1" s="16"/>
      <c r="O1" s="16"/>
    </row>
    <row r="2" spans="1:24" ht="24.6" customHeight="1" thickBot="1">
      <c r="B2" s="216" t="s">
        <v>71</v>
      </c>
      <c r="C2" s="216"/>
      <c r="D2" s="216"/>
      <c r="E2" s="216"/>
      <c r="F2" s="216"/>
      <c r="G2" s="30"/>
      <c r="H2" s="16"/>
      <c r="I2" s="16"/>
      <c r="J2" s="16"/>
      <c r="K2" s="16"/>
      <c r="L2" s="16"/>
      <c r="M2" s="16"/>
      <c r="N2" s="16"/>
      <c r="O2" s="16"/>
      <c r="Q2" s="285">
        <v>45931</v>
      </c>
      <c r="R2" s="285"/>
      <c r="S2" s="285"/>
      <c r="T2" s="285"/>
      <c r="U2" s="285"/>
      <c r="V2" s="285"/>
      <c r="W2" s="285"/>
    </row>
    <row r="3" spans="1:24" ht="9.6" customHeight="1">
      <c r="A3" s="31"/>
      <c r="B3" s="39"/>
      <c r="C3" s="39"/>
      <c r="D3" s="39"/>
      <c r="E3" s="39"/>
      <c r="F3" s="39"/>
      <c r="G3" s="39"/>
      <c r="H3" s="45"/>
      <c r="I3" s="45"/>
      <c r="J3" s="45"/>
      <c r="K3" s="45"/>
      <c r="L3" s="45"/>
      <c r="M3" s="45"/>
      <c r="N3" s="45"/>
      <c r="O3" s="45"/>
      <c r="P3" s="46"/>
      <c r="Q3" s="46"/>
      <c r="R3" s="46"/>
      <c r="S3" s="46"/>
      <c r="T3" s="46"/>
      <c r="U3" s="46"/>
      <c r="V3" s="46"/>
      <c r="W3" s="46"/>
      <c r="X3" s="32"/>
    </row>
    <row r="4" spans="1:24" ht="14.4" customHeight="1">
      <c r="A4" s="33"/>
      <c r="B4" s="217" t="s">
        <v>5</v>
      </c>
      <c r="C4" s="218"/>
      <c r="D4" s="218"/>
      <c r="E4" s="219"/>
      <c r="F4" s="220"/>
      <c r="G4" s="220"/>
      <c r="H4" s="220"/>
      <c r="I4" s="220"/>
      <c r="J4" s="220"/>
      <c r="K4" s="220"/>
      <c r="L4" s="220"/>
      <c r="M4" s="221" t="s">
        <v>6</v>
      </c>
      <c r="N4" s="178"/>
      <c r="O4" s="178"/>
      <c r="P4" s="179"/>
      <c r="Q4" s="47"/>
      <c r="R4" s="48"/>
      <c r="S4" s="48"/>
      <c r="T4" s="49"/>
      <c r="U4" s="49"/>
      <c r="V4" s="49"/>
      <c r="W4" s="50"/>
      <c r="X4" s="1"/>
    </row>
    <row r="5" spans="1:24" ht="14.4" customHeight="1">
      <c r="A5" s="33"/>
      <c r="B5" s="207" t="s">
        <v>7</v>
      </c>
      <c r="C5" s="181"/>
      <c r="D5" s="181"/>
      <c r="E5" s="182"/>
      <c r="F5" s="208"/>
      <c r="G5" s="208"/>
      <c r="H5" s="208"/>
      <c r="I5" s="208"/>
      <c r="J5" s="208"/>
      <c r="K5" s="208"/>
      <c r="L5" s="208"/>
      <c r="M5" s="207"/>
      <c r="N5" s="181"/>
      <c r="O5" s="181"/>
      <c r="P5" s="182"/>
      <c r="Q5" s="3"/>
      <c r="R5" s="223" t="s">
        <v>106</v>
      </c>
      <c r="S5" s="223"/>
      <c r="T5" s="223"/>
      <c r="U5" s="223"/>
      <c r="V5" s="223"/>
      <c r="W5" s="51" t="s">
        <v>9</v>
      </c>
      <c r="X5" s="1"/>
    </row>
    <row r="6" spans="1:24" ht="14.4" customHeight="1">
      <c r="A6" s="33"/>
      <c r="B6" s="207"/>
      <c r="C6" s="181"/>
      <c r="D6" s="181"/>
      <c r="E6" s="182"/>
      <c r="F6" s="209"/>
      <c r="G6" s="209"/>
      <c r="H6" s="209"/>
      <c r="I6" s="209"/>
      <c r="J6" s="209"/>
      <c r="K6" s="209"/>
      <c r="L6" s="209"/>
      <c r="M6" s="207"/>
      <c r="N6" s="181"/>
      <c r="O6" s="181"/>
      <c r="P6" s="182"/>
      <c r="Q6" s="5"/>
      <c r="R6" s="19" t="s">
        <v>10</v>
      </c>
      <c r="S6" s="224" t="str">
        <f>IF(ISERROR(DATEDIF(R5,$Q$2,"Y")),"",DATEDIF(R5,$Q$2,"Y"))</f>
        <v/>
      </c>
      <c r="T6" s="224"/>
      <c r="U6" s="20" t="s">
        <v>11</v>
      </c>
      <c r="V6" s="20" t="s">
        <v>12</v>
      </c>
      <c r="W6" s="52"/>
      <c r="X6" s="1"/>
    </row>
    <row r="7" spans="1:24" ht="15" customHeight="1">
      <c r="A7" s="33"/>
      <c r="B7" s="199" t="s">
        <v>13</v>
      </c>
      <c r="C7" s="146"/>
      <c r="D7" s="146"/>
      <c r="E7" s="147"/>
      <c r="F7" s="7"/>
      <c r="G7" s="8" t="s">
        <v>10</v>
      </c>
      <c r="H7" s="200"/>
      <c r="I7" s="200"/>
      <c r="J7" s="200"/>
      <c r="K7" s="8" t="s">
        <v>12</v>
      </c>
      <c r="L7" s="9"/>
      <c r="M7" s="222"/>
      <c r="N7" s="184"/>
      <c r="O7" s="184"/>
      <c r="P7" s="185"/>
      <c r="Q7" s="10"/>
      <c r="R7" s="11"/>
      <c r="S7" s="130"/>
      <c r="T7" s="130"/>
      <c r="U7" s="12"/>
      <c r="V7" s="12"/>
      <c r="W7" s="53"/>
      <c r="X7" s="1"/>
    </row>
    <row r="8" spans="1:24" ht="10.95" customHeight="1">
      <c r="A8" s="33"/>
      <c r="B8" s="54"/>
      <c r="C8" s="55"/>
      <c r="D8" s="55"/>
      <c r="E8" s="56"/>
      <c r="F8" s="206"/>
      <c r="G8" s="206"/>
      <c r="H8" s="206"/>
      <c r="I8" s="206"/>
      <c r="J8" s="206"/>
      <c r="K8" s="206"/>
      <c r="L8" s="206"/>
      <c r="M8" s="206"/>
      <c r="N8" s="206"/>
      <c r="O8" s="206"/>
      <c r="P8" s="206"/>
      <c r="Q8" s="206"/>
      <c r="R8" s="206"/>
      <c r="S8" s="206"/>
      <c r="T8" s="206"/>
      <c r="U8" s="206"/>
      <c r="V8" s="206"/>
      <c r="W8" s="206"/>
      <c r="X8" s="1"/>
    </row>
    <row r="9" spans="1:24" ht="15.45" customHeight="1">
      <c r="A9" s="33"/>
      <c r="B9" s="57" t="s">
        <v>62</v>
      </c>
      <c r="C9" s="58"/>
      <c r="D9" s="58"/>
      <c r="E9" s="59"/>
      <c r="F9" s="156" t="s">
        <v>106</v>
      </c>
      <c r="G9" s="156"/>
      <c r="H9" s="156"/>
      <c r="I9" s="156"/>
      <c r="J9" s="156"/>
      <c r="K9" s="60"/>
      <c r="L9" s="115"/>
      <c r="M9" s="115"/>
      <c r="N9" s="115"/>
      <c r="O9" s="115"/>
      <c r="P9" s="115"/>
      <c r="Q9" s="115"/>
      <c r="R9" s="115"/>
      <c r="S9" s="115"/>
      <c r="T9" s="115"/>
      <c r="U9" s="115"/>
      <c r="V9" s="176" t="s">
        <v>87</v>
      </c>
      <c r="W9" s="176"/>
      <c r="X9" s="1"/>
    </row>
    <row r="10" spans="1:24" ht="5.4" customHeight="1">
      <c r="A10" s="33"/>
      <c r="B10" s="91"/>
      <c r="C10" s="91"/>
      <c r="D10" s="91"/>
      <c r="E10" s="91"/>
      <c r="F10" s="91"/>
      <c r="G10" s="91"/>
      <c r="H10" s="34"/>
      <c r="I10" s="34"/>
      <c r="J10" s="34"/>
      <c r="K10" s="34"/>
      <c r="L10" s="34"/>
      <c r="M10" s="34"/>
      <c r="N10" s="34"/>
      <c r="O10" s="34"/>
      <c r="P10" s="28"/>
      <c r="Q10" s="28"/>
      <c r="R10" s="28"/>
      <c r="S10" s="28"/>
      <c r="T10" s="28"/>
      <c r="U10" s="28"/>
      <c r="V10" s="28"/>
      <c r="W10" s="28"/>
      <c r="X10" s="1"/>
    </row>
    <row r="11" spans="1:24" ht="16.2" customHeight="1">
      <c r="A11" s="33"/>
      <c r="B11" s="40" t="s">
        <v>63</v>
      </c>
      <c r="C11" s="91"/>
      <c r="D11" s="91"/>
      <c r="E11" s="91"/>
      <c r="F11" s="91"/>
      <c r="G11" s="91"/>
      <c r="H11" s="34"/>
      <c r="I11" s="34"/>
      <c r="J11" s="34"/>
      <c r="K11" s="34"/>
      <c r="L11" s="34"/>
      <c r="M11" s="34"/>
      <c r="N11" s="34"/>
      <c r="O11" s="34"/>
      <c r="P11" s="28"/>
      <c r="Q11" s="28"/>
      <c r="R11" s="28"/>
      <c r="S11" s="28"/>
      <c r="T11" s="28"/>
      <c r="U11" s="28"/>
      <c r="V11" s="28"/>
      <c r="W11" s="28"/>
      <c r="X11" s="1"/>
    </row>
    <row r="12" spans="1:24" ht="7.2" customHeight="1">
      <c r="A12" s="33"/>
      <c r="B12" s="113" t="s">
        <v>25</v>
      </c>
      <c r="C12" s="103"/>
      <c r="D12" s="103"/>
      <c r="E12" s="104"/>
      <c r="F12" s="113" t="s">
        <v>26</v>
      </c>
      <c r="G12" s="103"/>
      <c r="H12" s="103"/>
      <c r="I12" s="104"/>
      <c r="J12" s="109"/>
      <c r="K12" s="109"/>
      <c r="L12" s="109"/>
      <c r="M12" s="109"/>
      <c r="N12" s="109"/>
      <c r="O12" s="109"/>
      <c r="P12" s="109"/>
      <c r="Q12" s="109"/>
      <c r="R12" s="109"/>
      <c r="S12" s="109"/>
      <c r="T12" s="109"/>
      <c r="U12" s="109"/>
      <c r="V12" s="109"/>
      <c r="W12" s="110"/>
      <c r="X12" s="1"/>
    </row>
    <row r="13" spans="1:24" ht="7.2" customHeight="1">
      <c r="A13" s="33"/>
      <c r="B13" s="157"/>
      <c r="C13" s="105"/>
      <c r="D13" s="105"/>
      <c r="E13" s="106"/>
      <c r="F13" s="114"/>
      <c r="G13" s="107"/>
      <c r="H13" s="107"/>
      <c r="I13" s="108"/>
      <c r="J13" s="111"/>
      <c r="K13" s="111"/>
      <c r="L13" s="111"/>
      <c r="M13" s="111"/>
      <c r="N13" s="111"/>
      <c r="O13" s="111"/>
      <c r="P13" s="111"/>
      <c r="Q13" s="111"/>
      <c r="R13" s="111"/>
      <c r="S13" s="111"/>
      <c r="T13" s="111"/>
      <c r="U13" s="111"/>
      <c r="V13" s="111"/>
      <c r="W13" s="112"/>
      <c r="X13" s="1"/>
    </row>
    <row r="14" spans="1:24" ht="7.2" customHeight="1">
      <c r="A14" s="33"/>
      <c r="B14" s="157"/>
      <c r="C14" s="105"/>
      <c r="D14" s="105"/>
      <c r="E14" s="106"/>
      <c r="F14" s="113" t="s">
        <v>27</v>
      </c>
      <c r="G14" s="103"/>
      <c r="H14" s="103"/>
      <c r="I14" s="104"/>
      <c r="J14" s="109"/>
      <c r="K14" s="109"/>
      <c r="L14" s="109"/>
      <c r="M14" s="109"/>
      <c r="N14" s="109"/>
      <c r="O14" s="109"/>
      <c r="P14" s="109"/>
      <c r="Q14" s="109"/>
      <c r="R14" s="109"/>
      <c r="S14" s="109"/>
      <c r="T14" s="109"/>
      <c r="U14" s="109"/>
      <c r="V14" s="109"/>
      <c r="W14" s="110"/>
      <c r="X14" s="1"/>
    </row>
    <row r="15" spans="1:24" ht="7.2" customHeight="1">
      <c r="A15" s="33"/>
      <c r="B15" s="157"/>
      <c r="C15" s="105"/>
      <c r="D15" s="105"/>
      <c r="E15" s="106"/>
      <c r="F15" s="114"/>
      <c r="G15" s="107"/>
      <c r="H15" s="107"/>
      <c r="I15" s="108"/>
      <c r="J15" s="111"/>
      <c r="K15" s="111"/>
      <c r="L15" s="111"/>
      <c r="M15" s="111"/>
      <c r="N15" s="111"/>
      <c r="O15" s="111"/>
      <c r="P15" s="111"/>
      <c r="Q15" s="111"/>
      <c r="R15" s="111"/>
      <c r="S15" s="111"/>
      <c r="T15" s="111"/>
      <c r="U15" s="111"/>
      <c r="V15" s="111"/>
      <c r="W15" s="112"/>
      <c r="X15" s="1"/>
    </row>
    <row r="16" spans="1:24" ht="7.2" customHeight="1">
      <c r="A16" s="33"/>
      <c r="B16" s="157"/>
      <c r="C16" s="105"/>
      <c r="D16" s="105"/>
      <c r="E16" s="106"/>
      <c r="F16" s="113" t="s">
        <v>28</v>
      </c>
      <c r="G16" s="103"/>
      <c r="H16" s="103"/>
      <c r="I16" s="104"/>
      <c r="J16" s="133"/>
      <c r="K16" s="109"/>
      <c r="L16" s="109"/>
      <c r="M16" s="109"/>
      <c r="N16" s="109"/>
      <c r="O16" s="109"/>
      <c r="P16" s="109"/>
      <c r="Q16" s="109"/>
      <c r="R16" s="109"/>
      <c r="S16" s="109"/>
      <c r="T16" s="109"/>
      <c r="U16" s="109"/>
      <c r="V16" s="109"/>
      <c r="W16" s="110"/>
      <c r="X16" s="1"/>
    </row>
    <row r="17" spans="1:24" ht="7.2" customHeight="1">
      <c r="A17" s="33"/>
      <c r="B17" s="157"/>
      <c r="C17" s="105"/>
      <c r="D17" s="105"/>
      <c r="E17" s="106"/>
      <c r="F17" s="114"/>
      <c r="G17" s="107"/>
      <c r="H17" s="107"/>
      <c r="I17" s="108"/>
      <c r="J17" s="134"/>
      <c r="K17" s="111"/>
      <c r="L17" s="111"/>
      <c r="M17" s="111"/>
      <c r="N17" s="111"/>
      <c r="O17" s="111"/>
      <c r="P17" s="111"/>
      <c r="Q17" s="111"/>
      <c r="R17" s="111"/>
      <c r="S17" s="111"/>
      <c r="T17" s="111"/>
      <c r="U17" s="111"/>
      <c r="V17" s="111"/>
      <c r="W17" s="112"/>
      <c r="X17" s="1"/>
    </row>
    <row r="18" spans="1:24" ht="7.2" customHeight="1">
      <c r="A18" s="33"/>
      <c r="B18" s="157"/>
      <c r="C18" s="105"/>
      <c r="D18" s="105"/>
      <c r="E18" s="106"/>
      <c r="F18" s="113" t="s">
        <v>29</v>
      </c>
      <c r="G18" s="103"/>
      <c r="H18" s="103"/>
      <c r="I18" s="104"/>
      <c r="J18" s="109"/>
      <c r="K18" s="109"/>
      <c r="L18" s="109"/>
      <c r="M18" s="109"/>
      <c r="N18" s="109"/>
      <c r="O18" s="113" t="s">
        <v>30</v>
      </c>
      <c r="P18" s="103"/>
      <c r="Q18" s="103"/>
      <c r="R18" s="104"/>
      <c r="S18" s="109"/>
      <c r="T18" s="109"/>
      <c r="U18" s="109"/>
      <c r="V18" s="109"/>
      <c r="W18" s="110"/>
      <c r="X18" s="1"/>
    </row>
    <row r="19" spans="1:24" ht="7.2" customHeight="1">
      <c r="A19" s="33"/>
      <c r="B19" s="157"/>
      <c r="C19" s="105"/>
      <c r="D19" s="105"/>
      <c r="E19" s="106"/>
      <c r="F19" s="114"/>
      <c r="G19" s="107"/>
      <c r="H19" s="107"/>
      <c r="I19" s="108"/>
      <c r="J19" s="111"/>
      <c r="K19" s="111"/>
      <c r="L19" s="111"/>
      <c r="M19" s="111"/>
      <c r="N19" s="111"/>
      <c r="O19" s="114"/>
      <c r="P19" s="107"/>
      <c r="Q19" s="107"/>
      <c r="R19" s="108"/>
      <c r="S19" s="111"/>
      <c r="T19" s="111"/>
      <c r="U19" s="111"/>
      <c r="V19" s="111"/>
      <c r="W19" s="112"/>
      <c r="X19" s="1"/>
    </row>
    <row r="20" spans="1:24" ht="12" customHeight="1">
      <c r="A20" s="33"/>
      <c r="B20" s="157"/>
      <c r="C20" s="105"/>
      <c r="D20" s="105"/>
      <c r="E20" s="106"/>
      <c r="F20" s="113" t="s">
        <v>32</v>
      </c>
      <c r="G20" s="103"/>
      <c r="H20" s="103"/>
      <c r="I20" s="104"/>
      <c r="J20" s="131" t="s">
        <v>37</v>
      </c>
      <c r="K20" s="131"/>
      <c r="L20" s="131"/>
      <c r="M20" s="131"/>
      <c r="N20" s="131"/>
      <c r="O20" s="14" t="s">
        <v>17</v>
      </c>
      <c r="P20" s="132" t="s">
        <v>37</v>
      </c>
      <c r="Q20" s="132"/>
      <c r="R20" s="132"/>
      <c r="S20" s="132"/>
      <c r="T20" s="132"/>
      <c r="U20" s="28"/>
      <c r="V20" s="28"/>
      <c r="W20" s="41"/>
      <c r="X20" s="1"/>
    </row>
    <row r="21" spans="1:24" ht="12" customHeight="1">
      <c r="A21" s="33"/>
      <c r="B21" s="157"/>
      <c r="C21" s="105"/>
      <c r="D21" s="105"/>
      <c r="E21" s="106"/>
      <c r="F21" s="114"/>
      <c r="G21" s="107"/>
      <c r="H21" s="107"/>
      <c r="I21" s="108"/>
      <c r="J21" s="15"/>
      <c r="K21" s="15"/>
      <c r="L21" s="15"/>
      <c r="M21" s="15"/>
      <c r="N21" s="15"/>
      <c r="O21" s="15"/>
      <c r="P21" s="21"/>
      <c r="Q21" s="21" t="s">
        <v>10</v>
      </c>
      <c r="R21" s="67" t="str">
        <f>IF(ISERROR(DATEDIF(J20,P20+1,"Y")),"",DATEDIF(J20,P20+1,"Y"))</f>
        <v/>
      </c>
      <c r="S21" s="67" t="s">
        <v>8</v>
      </c>
      <c r="T21" s="67" t="str">
        <f>IF(ISERROR(DATEDIF(J20,P20+1,"YM")),"",DATEDIF(J20,P20+1,"YM"))</f>
        <v/>
      </c>
      <c r="U21" s="67" t="s">
        <v>14</v>
      </c>
      <c r="V21" s="67" t="s">
        <v>105</v>
      </c>
      <c r="W21" s="42" t="s">
        <v>12</v>
      </c>
      <c r="X21" s="1"/>
    </row>
    <row r="22" spans="1:24" ht="7.2" customHeight="1">
      <c r="A22" s="33"/>
      <c r="B22" s="113" t="s">
        <v>34</v>
      </c>
      <c r="C22" s="104"/>
      <c r="D22" s="103" t="s">
        <v>115</v>
      </c>
      <c r="E22" s="104"/>
      <c r="F22" s="113" t="s">
        <v>31</v>
      </c>
      <c r="G22" s="103"/>
      <c r="H22" s="103"/>
      <c r="I22" s="104"/>
      <c r="J22" s="109"/>
      <c r="K22" s="109"/>
      <c r="L22" s="109"/>
      <c r="M22" s="109"/>
      <c r="N22" s="109"/>
      <c r="O22" s="109"/>
      <c r="P22" s="109"/>
      <c r="Q22" s="109"/>
      <c r="R22" s="109"/>
      <c r="S22" s="109"/>
      <c r="T22" s="109"/>
      <c r="U22" s="109"/>
      <c r="V22" s="109"/>
      <c r="W22" s="110"/>
      <c r="X22" s="1"/>
    </row>
    <row r="23" spans="1:24" ht="7.2" customHeight="1">
      <c r="A23" s="33"/>
      <c r="B23" s="157"/>
      <c r="C23" s="106"/>
      <c r="D23" s="105"/>
      <c r="E23" s="106"/>
      <c r="F23" s="114"/>
      <c r="G23" s="107"/>
      <c r="H23" s="107"/>
      <c r="I23" s="108"/>
      <c r="J23" s="111"/>
      <c r="K23" s="111"/>
      <c r="L23" s="111"/>
      <c r="M23" s="111"/>
      <c r="N23" s="111"/>
      <c r="O23" s="111"/>
      <c r="P23" s="111"/>
      <c r="Q23" s="111"/>
      <c r="R23" s="111"/>
      <c r="S23" s="111"/>
      <c r="T23" s="111"/>
      <c r="U23" s="111"/>
      <c r="V23" s="111"/>
      <c r="W23" s="112"/>
      <c r="X23" s="1"/>
    </row>
    <row r="24" spans="1:24" ht="7.2" customHeight="1">
      <c r="A24" s="33"/>
      <c r="B24" s="157"/>
      <c r="C24" s="106"/>
      <c r="D24" s="105"/>
      <c r="E24" s="106"/>
      <c r="F24" s="113" t="s">
        <v>27</v>
      </c>
      <c r="G24" s="103"/>
      <c r="H24" s="103"/>
      <c r="I24" s="104"/>
      <c r="J24" s="109"/>
      <c r="K24" s="109"/>
      <c r="L24" s="109"/>
      <c r="M24" s="109"/>
      <c r="N24" s="109"/>
      <c r="O24" s="109"/>
      <c r="P24" s="109"/>
      <c r="Q24" s="109"/>
      <c r="R24" s="109"/>
      <c r="S24" s="109"/>
      <c r="T24" s="109"/>
      <c r="U24" s="109"/>
      <c r="V24" s="109"/>
      <c r="W24" s="110"/>
      <c r="X24" s="1"/>
    </row>
    <row r="25" spans="1:24" ht="7.2" customHeight="1">
      <c r="A25" s="33"/>
      <c r="B25" s="157"/>
      <c r="C25" s="106"/>
      <c r="D25" s="105"/>
      <c r="E25" s="106"/>
      <c r="F25" s="114"/>
      <c r="G25" s="107"/>
      <c r="H25" s="107"/>
      <c r="I25" s="108"/>
      <c r="J25" s="111"/>
      <c r="K25" s="111"/>
      <c r="L25" s="111"/>
      <c r="M25" s="111"/>
      <c r="N25" s="111"/>
      <c r="O25" s="111"/>
      <c r="P25" s="111"/>
      <c r="Q25" s="111"/>
      <c r="R25" s="111"/>
      <c r="S25" s="111"/>
      <c r="T25" s="111"/>
      <c r="U25" s="111"/>
      <c r="V25" s="111"/>
      <c r="W25" s="112"/>
      <c r="X25" s="1"/>
    </row>
    <row r="26" spans="1:24" ht="7.2" customHeight="1">
      <c r="A26" s="33"/>
      <c r="B26" s="157"/>
      <c r="C26" s="106"/>
      <c r="D26" s="105"/>
      <c r="E26" s="106"/>
      <c r="F26" s="113" t="s">
        <v>29</v>
      </c>
      <c r="G26" s="103"/>
      <c r="H26" s="103"/>
      <c r="I26" s="104"/>
      <c r="J26" s="133"/>
      <c r="K26" s="109"/>
      <c r="L26" s="109"/>
      <c r="M26" s="109"/>
      <c r="N26" s="109"/>
      <c r="O26" s="110"/>
      <c r="P26" s="113" t="s">
        <v>42</v>
      </c>
      <c r="Q26" s="104"/>
      <c r="R26" s="133"/>
      <c r="S26" s="109"/>
      <c r="T26" s="109"/>
      <c r="U26" s="109"/>
      <c r="V26" s="109"/>
      <c r="W26" s="110"/>
      <c r="X26" s="1"/>
    </row>
    <row r="27" spans="1:24" ht="7.2" customHeight="1">
      <c r="A27" s="33"/>
      <c r="B27" s="157"/>
      <c r="C27" s="106"/>
      <c r="D27" s="105"/>
      <c r="E27" s="106"/>
      <c r="F27" s="114"/>
      <c r="G27" s="107"/>
      <c r="H27" s="107"/>
      <c r="I27" s="108"/>
      <c r="J27" s="134"/>
      <c r="K27" s="111"/>
      <c r="L27" s="111"/>
      <c r="M27" s="111"/>
      <c r="N27" s="111"/>
      <c r="O27" s="112"/>
      <c r="P27" s="114"/>
      <c r="Q27" s="108"/>
      <c r="R27" s="134"/>
      <c r="S27" s="111"/>
      <c r="T27" s="111"/>
      <c r="U27" s="111"/>
      <c r="V27" s="111"/>
      <c r="W27" s="112"/>
      <c r="X27" s="1"/>
    </row>
    <row r="28" spans="1:24" ht="12" customHeight="1">
      <c r="A28" s="33"/>
      <c r="B28" s="157"/>
      <c r="C28" s="106"/>
      <c r="D28" s="105"/>
      <c r="E28" s="106"/>
      <c r="F28" s="113" t="s">
        <v>32</v>
      </c>
      <c r="G28" s="103"/>
      <c r="H28" s="103"/>
      <c r="I28" s="104"/>
      <c r="J28" s="131" t="s">
        <v>37</v>
      </c>
      <c r="K28" s="131"/>
      <c r="L28" s="131"/>
      <c r="M28" s="131"/>
      <c r="N28" s="131"/>
      <c r="O28" s="14" t="s">
        <v>17</v>
      </c>
      <c r="P28" s="132" t="s">
        <v>37</v>
      </c>
      <c r="Q28" s="132"/>
      <c r="R28" s="132"/>
      <c r="S28" s="132"/>
      <c r="T28" s="132"/>
      <c r="U28" s="28"/>
      <c r="V28" s="28"/>
      <c r="W28" s="41"/>
      <c r="X28" s="1"/>
    </row>
    <row r="29" spans="1:24" ht="12" customHeight="1">
      <c r="A29" s="33"/>
      <c r="B29" s="157"/>
      <c r="C29" s="106"/>
      <c r="D29" s="107"/>
      <c r="E29" s="108"/>
      <c r="F29" s="114"/>
      <c r="G29" s="107"/>
      <c r="H29" s="107"/>
      <c r="I29" s="108"/>
      <c r="J29" s="15"/>
      <c r="K29" s="15"/>
      <c r="L29" s="15"/>
      <c r="M29" s="15"/>
      <c r="N29" s="15"/>
      <c r="O29" s="15"/>
      <c r="P29" s="21"/>
      <c r="Q29" s="21" t="s">
        <v>10</v>
      </c>
      <c r="R29" s="67" t="str">
        <f>IF(ISERROR(DATEDIF(J28,P28+1,"Y")),"",DATEDIF(J28,P28+1,"Y"))</f>
        <v/>
      </c>
      <c r="S29" s="67" t="s">
        <v>8</v>
      </c>
      <c r="T29" s="67" t="str">
        <f>IF(ISERROR(DATEDIF(J28,P28+1,"YM")),"",DATEDIF(J28,P28+1,"YM"))</f>
        <v/>
      </c>
      <c r="U29" s="67" t="s">
        <v>14</v>
      </c>
      <c r="V29" s="67" t="s">
        <v>105</v>
      </c>
      <c r="W29" s="42" t="s">
        <v>12</v>
      </c>
      <c r="X29" s="1"/>
    </row>
    <row r="30" spans="1:24" ht="7.2" customHeight="1">
      <c r="A30" s="33"/>
      <c r="B30" s="157"/>
      <c r="C30" s="106"/>
      <c r="D30" s="103" t="s">
        <v>116</v>
      </c>
      <c r="E30" s="104"/>
      <c r="F30" s="113" t="s">
        <v>31</v>
      </c>
      <c r="G30" s="103"/>
      <c r="H30" s="103"/>
      <c r="I30" s="104"/>
      <c r="J30" s="109"/>
      <c r="K30" s="109"/>
      <c r="L30" s="109"/>
      <c r="M30" s="109"/>
      <c r="N30" s="109"/>
      <c r="O30" s="109"/>
      <c r="P30" s="109"/>
      <c r="Q30" s="109"/>
      <c r="R30" s="109"/>
      <c r="S30" s="109"/>
      <c r="T30" s="109"/>
      <c r="U30" s="109"/>
      <c r="V30" s="109"/>
      <c r="W30" s="110"/>
      <c r="X30" s="1"/>
    </row>
    <row r="31" spans="1:24" ht="7.2" customHeight="1">
      <c r="A31" s="33"/>
      <c r="B31" s="157"/>
      <c r="C31" s="106"/>
      <c r="D31" s="105"/>
      <c r="E31" s="106"/>
      <c r="F31" s="114"/>
      <c r="G31" s="107"/>
      <c r="H31" s="107"/>
      <c r="I31" s="108"/>
      <c r="J31" s="111"/>
      <c r="K31" s="111"/>
      <c r="L31" s="111"/>
      <c r="M31" s="111"/>
      <c r="N31" s="111"/>
      <c r="O31" s="111"/>
      <c r="P31" s="111"/>
      <c r="Q31" s="111"/>
      <c r="R31" s="111"/>
      <c r="S31" s="111"/>
      <c r="T31" s="111"/>
      <c r="U31" s="111"/>
      <c r="V31" s="111"/>
      <c r="W31" s="112"/>
      <c r="X31" s="1"/>
    </row>
    <row r="32" spans="1:24" ht="7.2" customHeight="1">
      <c r="A32" s="33"/>
      <c r="B32" s="157"/>
      <c r="C32" s="106"/>
      <c r="D32" s="105"/>
      <c r="E32" s="106"/>
      <c r="F32" s="113" t="s">
        <v>27</v>
      </c>
      <c r="G32" s="103"/>
      <c r="H32" s="103"/>
      <c r="I32" s="104"/>
      <c r="J32" s="109"/>
      <c r="K32" s="109"/>
      <c r="L32" s="109"/>
      <c r="M32" s="109"/>
      <c r="N32" s="109"/>
      <c r="O32" s="109"/>
      <c r="P32" s="109"/>
      <c r="Q32" s="109"/>
      <c r="R32" s="109"/>
      <c r="S32" s="109"/>
      <c r="T32" s="109"/>
      <c r="U32" s="109"/>
      <c r="V32" s="109"/>
      <c r="W32" s="110"/>
      <c r="X32" s="1"/>
    </row>
    <row r="33" spans="1:24" ht="7.2" customHeight="1">
      <c r="A33" s="93"/>
      <c r="B33" s="157"/>
      <c r="C33" s="106"/>
      <c r="D33" s="105"/>
      <c r="E33" s="106"/>
      <c r="F33" s="114"/>
      <c r="G33" s="107"/>
      <c r="H33" s="107"/>
      <c r="I33" s="108"/>
      <c r="J33" s="111"/>
      <c r="K33" s="111"/>
      <c r="L33" s="111"/>
      <c r="M33" s="111"/>
      <c r="N33" s="111"/>
      <c r="O33" s="111"/>
      <c r="P33" s="111"/>
      <c r="Q33" s="111"/>
      <c r="R33" s="111"/>
      <c r="S33" s="111"/>
      <c r="T33" s="111"/>
      <c r="U33" s="111"/>
      <c r="V33" s="111"/>
      <c r="W33" s="112"/>
      <c r="X33" s="1"/>
    </row>
    <row r="34" spans="1:24" ht="7.2" customHeight="1">
      <c r="A34" s="33"/>
      <c r="B34" s="157"/>
      <c r="C34" s="106"/>
      <c r="D34" s="105"/>
      <c r="E34" s="106"/>
      <c r="F34" s="113" t="s">
        <v>29</v>
      </c>
      <c r="G34" s="103"/>
      <c r="H34" s="103"/>
      <c r="I34" s="104"/>
      <c r="J34" s="133"/>
      <c r="K34" s="109"/>
      <c r="L34" s="109"/>
      <c r="M34" s="109"/>
      <c r="N34" s="109"/>
      <c r="O34" s="110"/>
      <c r="P34" s="113" t="s">
        <v>42</v>
      </c>
      <c r="Q34" s="104"/>
      <c r="R34" s="133"/>
      <c r="S34" s="109"/>
      <c r="T34" s="109"/>
      <c r="U34" s="109"/>
      <c r="V34" s="109"/>
      <c r="W34" s="110"/>
      <c r="X34" s="1"/>
    </row>
    <row r="35" spans="1:24" ht="7.2" customHeight="1">
      <c r="A35" s="33"/>
      <c r="B35" s="157"/>
      <c r="C35" s="106"/>
      <c r="D35" s="105"/>
      <c r="E35" s="106"/>
      <c r="F35" s="114"/>
      <c r="G35" s="107"/>
      <c r="H35" s="107"/>
      <c r="I35" s="108"/>
      <c r="J35" s="134"/>
      <c r="K35" s="111"/>
      <c r="L35" s="111"/>
      <c r="M35" s="111"/>
      <c r="N35" s="111"/>
      <c r="O35" s="112"/>
      <c r="P35" s="114"/>
      <c r="Q35" s="108"/>
      <c r="R35" s="134"/>
      <c r="S35" s="111"/>
      <c r="T35" s="111"/>
      <c r="U35" s="111"/>
      <c r="V35" s="111"/>
      <c r="W35" s="112"/>
      <c r="X35" s="1"/>
    </row>
    <row r="36" spans="1:24" ht="12" customHeight="1">
      <c r="A36" s="33"/>
      <c r="B36" s="157"/>
      <c r="C36" s="106"/>
      <c r="D36" s="105"/>
      <c r="E36" s="106"/>
      <c r="F36" s="113" t="s">
        <v>32</v>
      </c>
      <c r="G36" s="103"/>
      <c r="H36" s="103"/>
      <c r="I36" s="104"/>
      <c r="J36" s="131" t="s">
        <v>37</v>
      </c>
      <c r="K36" s="131"/>
      <c r="L36" s="131"/>
      <c r="M36" s="131"/>
      <c r="N36" s="131"/>
      <c r="O36" s="14" t="s">
        <v>17</v>
      </c>
      <c r="P36" s="132" t="s">
        <v>37</v>
      </c>
      <c r="Q36" s="132"/>
      <c r="R36" s="132"/>
      <c r="S36" s="132"/>
      <c r="T36" s="132"/>
      <c r="U36" s="28"/>
      <c r="V36" s="28"/>
      <c r="W36" s="41"/>
      <c r="X36" s="1"/>
    </row>
    <row r="37" spans="1:24" ht="12" customHeight="1">
      <c r="A37" s="33"/>
      <c r="B37" s="157"/>
      <c r="C37" s="106"/>
      <c r="D37" s="107"/>
      <c r="E37" s="108"/>
      <c r="F37" s="114"/>
      <c r="G37" s="107"/>
      <c r="H37" s="107"/>
      <c r="I37" s="108"/>
      <c r="J37" s="15"/>
      <c r="K37" s="15"/>
      <c r="L37" s="15"/>
      <c r="M37" s="15"/>
      <c r="N37" s="15"/>
      <c r="O37" s="15"/>
      <c r="P37" s="21"/>
      <c r="Q37" s="21" t="s">
        <v>10</v>
      </c>
      <c r="R37" s="67" t="str">
        <f>IF(ISERROR(DATEDIF(J36,P36+1,"Y")),"",DATEDIF(J36,P36+1,"Y"))</f>
        <v/>
      </c>
      <c r="S37" s="67" t="s">
        <v>8</v>
      </c>
      <c r="T37" s="67" t="str">
        <f>IF(ISERROR(DATEDIF(J36,P36+1,"YM")),"",DATEDIF(J36,P36+1,"YM"))</f>
        <v/>
      </c>
      <c r="U37" s="67" t="s">
        <v>14</v>
      </c>
      <c r="V37" s="67" t="s">
        <v>105</v>
      </c>
      <c r="W37" s="42" t="s">
        <v>12</v>
      </c>
      <c r="X37" s="1"/>
    </row>
    <row r="38" spans="1:24" ht="7.2" customHeight="1">
      <c r="A38" s="33"/>
      <c r="B38" s="157"/>
      <c r="C38" s="106"/>
      <c r="D38" s="103" t="s">
        <v>117</v>
      </c>
      <c r="E38" s="104"/>
      <c r="F38" s="113" t="s">
        <v>31</v>
      </c>
      <c r="G38" s="103"/>
      <c r="H38" s="103"/>
      <c r="I38" s="104"/>
      <c r="J38" s="109"/>
      <c r="K38" s="109"/>
      <c r="L38" s="109"/>
      <c r="M38" s="109"/>
      <c r="N38" s="109"/>
      <c r="O38" s="109"/>
      <c r="P38" s="109"/>
      <c r="Q38" s="109"/>
      <c r="R38" s="109"/>
      <c r="S38" s="109"/>
      <c r="T38" s="109"/>
      <c r="U38" s="109"/>
      <c r="V38" s="109"/>
      <c r="W38" s="110"/>
      <c r="X38" s="1"/>
    </row>
    <row r="39" spans="1:24" ht="7.2" customHeight="1">
      <c r="A39" s="33"/>
      <c r="B39" s="157"/>
      <c r="C39" s="106"/>
      <c r="D39" s="105"/>
      <c r="E39" s="106"/>
      <c r="F39" s="114"/>
      <c r="G39" s="107"/>
      <c r="H39" s="107"/>
      <c r="I39" s="108"/>
      <c r="J39" s="111"/>
      <c r="K39" s="111"/>
      <c r="L39" s="111"/>
      <c r="M39" s="111"/>
      <c r="N39" s="111"/>
      <c r="O39" s="111"/>
      <c r="P39" s="111"/>
      <c r="Q39" s="111"/>
      <c r="R39" s="111"/>
      <c r="S39" s="111"/>
      <c r="T39" s="111"/>
      <c r="U39" s="111"/>
      <c r="V39" s="111"/>
      <c r="W39" s="112"/>
      <c r="X39" s="1"/>
    </row>
    <row r="40" spans="1:24" ht="7.2" customHeight="1">
      <c r="A40" s="33"/>
      <c r="B40" s="157"/>
      <c r="C40" s="106"/>
      <c r="D40" s="105"/>
      <c r="E40" s="106"/>
      <c r="F40" s="113" t="s">
        <v>27</v>
      </c>
      <c r="G40" s="103"/>
      <c r="H40" s="103"/>
      <c r="I40" s="104"/>
      <c r="J40" s="109"/>
      <c r="K40" s="109"/>
      <c r="L40" s="109"/>
      <c r="M40" s="109"/>
      <c r="N40" s="109"/>
      <c r="O40" s="109"/>
      <c r="P40" s="109"/>
      <c r="Q40" s="109"/>
      <c r="R40" s="109"/>
      <c r="S40" s="109"/>
      <c r="T40" s="109"/>
      <c r="U40" s="109"/>
      <c r="V40" s="109"/>
      <c r="W40" s="110"/>
      <c r="X40" s="1"/>
    </row>
    <row r="41" spans="1:24" ht="7.2" customHeight="1">
      <c r="A41" s="33"/>
      <c r="B41" s="157"/>
      <c r="C41" s="106"/>
      <c r="D41" s="105"/>
      <c r="E41" s="106"/>
      <c r="F41" s="114"/>
      <c r="G41" s="107"/>
      <c r="H41" s="107"/>
      <c r="I41" s="108"/>
      <c r="J41" s="111"/>
      <c r="K41" s="111"/>
      <c r="L41" s="111"/>
      <c r="M41" s="111"/>
      <c r="N41" s="111"/>
      <c r="O41" s="111"/>
      <c r="P41" s="111"/>
      <c r="Q41" s="111"/>
      <c r="R41" s="111"/>
      <c r="S41" s="111"/>
      <c r="T41" s="111"/>
      <c r="U41" s="111"/>
      <c r="V41" s="111"/>
      <c r="W41" s="112"/>
      <c r="X41" s="1"/>
    </row>
    <row r="42" spans="1:24" ht="7.2" customHeight="1">
      <c r="A42" s="33"/>
      <c r="B42" s="157"/>
      <c r="C42" s="106"/>
      <c r="D42" s="105"/>
      <c r="E42" s="106"/>
      <c r="F42" s="113" t="s">
        <v>29</v>
      </c>
      <c r="G42" s="103"/>
      <c r="H42" s="103"/>
      <c r="I42" s="104"/>
      <c r="J42" s="133"/>
      <c r="K42" s="109"/>
      <c r="L42" s="109"/>
      <c r="M42" s="109"/>
      <c r="N42" s="109"/>
      <c r="O42" s="110"/>
      <c r="P42" s="113" t="s">
        <v>42</v>
      </c>
      <c r="Q42" s="104"/>
      <c r="R42" s="133"/>
      <c r="S42" s="109"/>
      <c r="T42" s="109"/>
      <c r="U42" s="109"/>
      <c r="V42" s="109"/>
      <c r="W42" s="110"/>
      <c r="X42" s="1"/>
    </row>
    <row r="43" spans="1:24" ht="7.2" customHeight="1">
      <c r="A43" s="33"/>
      <c r="B43" s="157"/>
      <c r="C43" s="106"/>
      <c r="D43" s="105"/>
      <c r="E43" s="106"/>
      <c r="F43" s="114"/>
      <c r="G43" s="107"/>
      <c r="H43" s="107"/>
      <c r="I43" s="108"/>
      <c r="J43" s="134"/>
      <c r="K43" s="111"/>
      <c r="L43" s="111"/>
      <c r="M43" s="111"/>
      <c r="N43" s="111"/>
      <c r="O43" s="112"/>
      <c r="P43" s="114"/>
      <c r="Q43" s="108"/>
      <c r="R43" s="134"/>
      <c r="S43" s="111"/>
      <c r="T43" s="111"/>
      <c r="U43" s="111"/>
      <c r="V43" s="111"/>
      <c r="W43" s="112"/>
      <c r="X43" s="1"/>
    </row>
    <row r="44" spans="1:24" ht="12" customHeight="1">
      <c r="A44" s="33"/>
      <c r="B44" s="157"/>
      <c r="C44" s="106"/>
      <c r="D44" s="105"/>
      <c r="E44" s="106"/>
      <c r="F44" s="113" t="s">
        <v>32</v>
      </c>
      <c r="G44" s="103"/>
      <c r="H44" s="103"/>
      <c r="I44" s="104"/>
      <c r="J44" s="131" t="s">
        <v>37</v>
      </c>
      <c r="K44" s="131"/>
      <c r="L44" s="131"/>
      <c r="M44" s="131"/>
      <c r="N44" s="131"/>
      <c r="O44" s="14" t="s">
        <v>17</v>
      </c>
      <c r="P44" s="132" t="s">
        <v>37</v>
      </c>
      <c r="Q44" s="132"/>
      <c r="R44" s="132"/>
      <c r="S44" s="132"/>
      <c r="T44" s="132"/>
      <c r="U44" s="28"/>
      <c r="V44" s="28"/>
      <c r="W44" s="41"/>
      <c r="X44" s="1"/>
    </row>
    <row r="45" spans="1:24" ht="12" customHeight="1">
      <c r="A45" s="33"/>
      <c r="B45" s="157"/>
      <c r="C45" s="106"/>
      <c r="D45" s="107"/>
      <c r="E45" s="108"/>
      <c r="F45" s="114"/>
      <c r="G45" s="107"/>
      <c r="H45" s="107"/>
      <c r="I45" s="108"/>
      <c r="J45" s="15"/>
      <c r="K45" s="15"/>
      <c r="L45" s="15"/>
      <c r="M45" s="15"/>
      <c r="N45" s="15"/>
      <c r="O45" s="15"/>
      <c r="P45" s="21"/>
      <c r="Q45" s="21" t="s">
        <v>10</v>
      </c>
      <c r="R45" s="67" t="str">
        <f>IF(ISERROR(DATEDIF(J44,P44+1,"Y")),"",DATEDIF(J44,P44+1,"Y"))</f>
        <v/>
      </c>
      <c r="S45" s="67" t="s">
        <v>8</v>
      </c>
      <c r="T45" s="67" t="str">
        <f>IF(ISERROR(DATEDIF(J44,P44+1,"YM")),"",DATEDIF(J44,P44+1,"YM"))</f>
        <v/>
      </c>
      <c r="U45" s="67" t="s">
        <v>14</v>
      </c>
      <c r="V45" s="67" t="s">
        <v>105</v>
      </c>
      <c r="W45" s="42" t="s">
        <v>12</v>
      </c>
      <c r="X45" s="1"/>
    </row>
    <row r="46" spans="1:24" ht="7.2" customHeight="1">
      <c r="A46" s="33"/>
      <c r="B46" s="157"/>
      <c r="C46" s="106"/>
      <c r="D46" s="103" t="s">
        <v>118</v>
      </c>
      <c r="E46" s="104"/>
      <c r="F46" s="113" t="s">
        <v>31</v>
      </c>
      <c r="G46" s="103"/>
      <c r="H46" s="103"/>
      <c r="I46" s="104"/>
      <c r="J46" s="109"/>
      <c r="K46" s="109"/>
      <c r="L46" s="109"/>
      <c r="M46" s="109"/>
      <c r="N46" s="109"/>
      <c r="O46" s="109"/>
      <c r="P46" s="109"/>
      <c r="Q46" s="109"/>
      <c r="R46" s="109"/>
      <c r="S46" s="109"/>
      <c r="T46" s="109"/>
      <c r="U46" s="109"/>
      <c r="V46" s="109"/>
      <c r="W46" s="110"/>
      <c r="X46" s="1"/>
    </row>
    <row r="47" spans="1:24" ht="7.2" customHeight="1">
      <c r="A47" s="33"/>
      <c r="B47" s="157"/>
      <c r="C47" s="106"/>
      <c r="D47" s="105"/>
      <c r="E47" s="106"/>
      <c r="F47" s="114"/>
      <c r="G47" s="107"/>
      <c r="H47" s="107"/>
      <c r="I47" s="108"/>
      <c r="J47" s="111"/>
      <c r="K47" s="111"/>
      <c r="L47" s="111"/>
      <c r="M47" s="111"/>
      <c r="N47" s="111"/>
      <c r="O47" s="111"/>
      <c r="P47" s="111"/>
      <c r="Q47" s="111"/>
      <c r="R47" s="111"/>
      <c r="S47" s="111"/>
      <c r="T47" s="111"/>
      <c r="U47" s="111"/>
      <c r="V47" s="111"/>
      <c r="W47" s="112"/>
      <c r="X47" s="1"/>
    </row>
    <row r="48" spans="1:24" ht="7.2" customHeight="1">
      <c r="A48" s="33"/>
      <c r="B48" s="157"/>
      <c r="C48" s="106"/>
      <c r="D48" s="105"/>
      <c r="E48" s="106"/>
      <c r="F48" s="113" t="s">
        <v>27</v>
      </c>
      <c r="G48" s="103"/>
      <c r="H48" s="103"/>
      <c r="I48" s="104"/>
      <c r="J48" s="109"/>
      <c r="K48" s="109"/>
      <c r="L48" s="109"/>
      <c r="M48" s="109"/>
      <c r="N48" s="109"/>
      <c r="O48" s="109"/>
      <c r="P48" s="109"/>
      <c r="Q48" s="109"/>
      <c r="R48" s="109"/>
      <c r="S48" s="109"/>
      <c r="T48" s="109"/>
      <c r="U48" s="109"/>
      <c r="V48" s="109"/>
      <c r="W48" s="110"/>
      <c r="X48" s="1"/>
    </row>
    <row r="49" spans="1:24" ht="7.2" customHeight="1">
      <c r="A49" s="33"/>
      <c r="B49" s="157"/>
      <c r="C49" s="106"/>
      <c r="D49" s="105"/>
      <c r="E49" s="106"/>
      <c r="F49" s="114"/>
      <c r="G49" s="107"/>
      <c r="H49" s="107"/>
      <c r="I49" s="108"/>
      <c r="J49" s="111"/>
      <c r="K49" s="111"/>
      <c r="L49" s="111"/>
      <c r="M49" s="111"/>
      <c r="N49" s="111"/>
      <c r="O49" s="111"/>
      <c r="P49" s="111"/>
      <c r="Q49" s="111"/>
      <c r="R49" s="111"/>
      <c r="S49" s="111"/>
      <c r="T49" s="111"/>
      <c r="U49" s="111"/>
      <c r="V49" s="111"/>
      <c r="W49" s="112"/>
      <c r="X49" s="1"/>
    </row>
    <row r="50" spans="1:24" ht="7.2" customHeight="1">
      <c r="A50" s="33"/>
      <c r="B50" s="157"/>
      <c r="C50" s="106"/>
      <c r="D50" s="105"/>
      <c r="E50" s="106"/>
      <c r="F50" s="113" t="s">
        <v>29</v>
      </c>
      <c r="G50" s="103"/>
      <c r="H50" s="103"/>
      <c r="I50" s="104"/>
      <c r="J50" s="133"/>
      <c r="K50" s="109"/>
      <c r="L50" s="109"/>
      <c r="M50" s="109"/>
      <c r="N50" s="109"/>
      <c r="O50" s="110"/>
      <c r="P50" s="113" t="s">
        <v>42</v>
      </c>
      <c r="Q50" s="104"/>
      <c r="R50" s="133"/>
      <c r="S50" s="109"/>
      <c r="T50" s="109"/>
      <c r="U50" s="109"/>
      <c r="V50" s="109"/>
      <c r="W50" s="110"/>
      <c r="X50" s="1"/>
    </row>
    <row r="51" spans="1:24" ht="7.2" customHeight="1">
      <c r="A51" s="33"/>
      <c r="B51" s="157"/>
      <c r="C51" s="106"/>
      <c r="D51" s="105"/>
      <c r="E51" s="106"/>
      <c r="F51" s="114"/>
      <c r="G51" s="107"/>
      <c r="H51" s="107"/>
      <c r="I51" s="108"/>
      <c r="J51" s="134"/>
      <c r="K51" s="111"/>
      <c r="L51" s="111"/>
      <c r="M51" s="111"/>
      <c r="N51" s="111"/>
      <c r="O51" s="112"/>
      <c r="P51" s="114"/>
      <c r="Q51" s="108"/>
      <c r="R51" s="134"/>
      <c r="S51" s="111"/>
      <c r="T51" s="111"/>
      <c r="U51" s="111"/>
      <c r="V51" s="111"/>
      <c r="W51" s="112"/>
      <c r="X51" s="1"/>
    </row>
    <row r="52" spans="1:24" ht="12" customHeight="1">
      <c r="A52" s="33"/>
      <c r="B52" s="157"/>
      <c r="C52" s="106"/>
      <c r="D52" s="105"/>
      <c r="E52" s="106"/>
      <c r="F52" s="113" t="s">
        <v>32</v>
      </c>
      <c r="G52" s="103"/>
      <c r="H52" s="103"/>
      <c r="I52" s="104"/>
      <c r="J52" s="131" t="s">
        <v>37</v>
      </c>
      <c r="K52" s="131"/>
      <c r="L52" s="131"/>
      <c r="M52" s="131"/>
      <c r="N52" s="131"/>
      <c r="O52" s="14" t="s">
        <v>17</v>
      </c>
      <c r="P52" s="132" t="s">
        <v>37</v>
      </c>
      <c r="Q52" s="132"/>
      <c r="R52" s="132"/>
      <c r="S52" s="132"/>
      <c r="T52" s="132"/>
      <c r="U52" s="28"/>
      <c r="V52" s="28"/>
      <c r="W52" s="41"/>
      <c r="X52" s="1"/>
    </row>
    <row r="53" spans="1:24" ht="12" customHeight="1">
      <c r="A53" s="33"/>
      <c r="B53" s="157"/>
      <c r="C53" s="106"/>
      <c r="D53" s="107"/>
      <c r="E53" s="108"/>
      <c r="F53" s="114"/>
      <c r="G53" s="107"/>
      <c r="H53" s="107"/>
      <c r="I53" s="108"/>
      <c r="J53" s="15"/>
      <c r="K53" s="15"/>
      <c r="L53" s="15"/>
      <c r="M53" s="15"/>
      <c r="N53" s="15"/>
      <c r="O53" s="15"/>
      <c r="P53" s="21"/>
      <c r="Q53" s="21" t="s">
        <v>10</v>
      </c>
      <c r="R53" s="67" t="str">
        <f>IF(ISERROR(DATEDIF(J52,P52+1,"Y")),"",DATEDIF(J52,P52+1,"Y"))</f>
        <v/>
      </c>
      <c r="S53" s="67" t="s">
        <v>8</v>
      </c>
      <c r="T53" s="67" t="str">
        <f>IF(ISERROR(DATEDIF(J52,P52+1,"YM")),"",DATEDIF(J52,P52+1,"YM"))</f>
        <v/>
      </c>
      <c r="U53" s="67" t="s">
        <v>14</v>
      </c>
      <c r="V53" s="67" t="s">
        <v>105</v>
      </c>
      <c r="W53" s="42" t="s">
        <v>12</v>
      </c>
      <c r="X53" s="1"/>
    </row>
    <row r="54" spans="1:24" ht="7.2" customHeight="1">
      <c r="A54" s="33"/>
      <c r="B54" s="157"/>
      <c r="C54" s="106"/>
      <c r="D54" s="103" t="s">
        <v>119</v>
      </c>
      <c r="E54" s="104"/>
      <c r="F54" s="113" t="s">
        <v>31</v>
      </c>
      <c r="G54" s="103"/>
      <c r="H54" s="103"/>
      <c r="I54" s="104"/>
      <c r="J54" s="109"/>
      <c r="K54" s="109"/>
      <c r="L54" s="109"/>
      <c r="M54" s="109"/>
      <c r="N54" s="109"/>
      <c r="O54" s="109"/>
      <c r="P54" s="109"/>
      <c r="Q54" s="109"/>
      <c r="R54" s="109"/>
      <c r="S54" s="109"/>
      <c r="T54" s="109"/>
      <c r="U54" s="109"/>
      <c r="V54" s="109"/>
      <c r="W54" s="110"/>
      <c r="X54" s="1"/>
    </row>
    <row r="55" spans="1:24" ht="7.2" customHeight="1">
      <c r="A55" s="33"/>
      <c r="B55" s="157"/>
      <c r="C55" s="106"/>
      <c r="D55" s="105"/>
      <c r="E55" s="106"/>
      <c r="F55" s="114"/>
      <c r="G55" s="107"/>
      <c r="H55" s="107"/>
      <c r="I55" s="108"/>
      <c r="J55" s="111"/>
      <c r="K55" s="111"/>
      <c r="L55" s="111"/>
      <c r="M55" s="111"/>
      <c r="N55" s="111"/>
      <c r="O55" s="111"/>
      <c r="P55" s="111"/>
      <c r="Q55" s="111"/>
      <c r="R55" s="111"/>
      <c r="S55" s="111"/>
      <c r="T55" s="111"/>
      <c r="U55" s="111"/>
      <c r="V55" s="111"/>
      <c r="W55" s="112"/>
      <c r="X55" s="1"/>
    </row>
    <row r="56" spans="1:24" ht="7.2" customHeight="1">
      <c r="A56" s="33"/>
      <c r="B56" s="157"/>
      <c r="C56" s="106"/>
      <c r="D56" s="105"/>
      <c r="E56" s="106"/>
      <c r="F56" s="113" t="s">
        <v>27</v>
      </c>
      <c r="G56" s="103"/>
      <c r="H56" s="103"/>
      <c r="I56" s="104"/>
      <c r="J56" s="109"/>
      <c r="K56" s="109"/>
      <c r="L56" s="109"/>
      <c r="M56" s="109"/>
      <c r="N56" s="109"/>
      <c r="O56" s="109"/>
      <c r="P56" s="109"/>
      <c r="Q56" s="109"/>
      <c r="R56" s="109"/>
      <c r="S56" s="109"/>
      <c r="T56" s="109"/>
      <c r="U56" s="109"/>
      <c r="V56" s="109"/>
      <c r="W56" s="110"/>
      <c r="X56" s="1"/>
    </row>
    <row r="57" spans="1:24" ht="7.2" customHeight="1">
      <c r="A57" s="33"/>
      <c r="B57" s="157"/>
      <c r="C57" s="106"/>
      <c r="D57" s="105"/>
      <c r="E57" s="106"/>
      <c r="F57" s="114"/>
      <c r="G57" s="107"/>
      <c r="H57" s="107"/>
      <c r="I57" s="108"/>
      <c r="J57" s="111"/>
      <c r="K57" s="111"/>
      <c r="L57" s="111"/>
      <c r="M57" s="111"/>
      <c r="N57" s="111"/>
      <c r="O57" s="111"/>
      <c r="P57" s="111"/>
      <c r="Q57" s="111"/>
      <c r="R57" s="111"/>
      <c r="S57" s="111"/>
      <c r="T57" s="111"/>
      <c r="U57" s="111"/>
      <c r="V57" s="111"/>
      <c r="W57" s="112"/>
      <c r="X57" s="1"/>
    </row>
    <row r="58" spans="1:24" ht="7.2" customHeight="1">
      <c r="A58" s="33"/>
      <c r="B58" s="157"/>
      <c r="C58" s="106"/>
      <c r="D58" s="105"/>
      <c r="E58" s="106"/>
      <c r="F58" s="113" t="s">
        <v>29</v>
      </c>
      <c r="G58" s="103"/>
      <c r="H58" s="103"/>
      <c r="I58" s="104"/>
      <c r="J58" s="133"/>
      <c r="K58" s="109"/>
      <c r="L58" s="109"/>
      <c r="M58" s="109"/>
      <c r="N58" s="109"/>
      <c r="O58" s="110"/>
      <c r="P58" s="113" t="s">
        <v>42</v>
      </c>
      <c r="Q58" s="104"/>
      <c r="R58" s="133"/>
      <c r="S58" s="109"/>
      <c r="T58" s="109"/>
      <c r="U58" s="109"/>
      <c r="V58" s="109"/>
      <c r="W58" s="110"/>
      <c r="X58" s="1"/>
    </row>
    <row r="59" spans="1:24" ht="7.2" customHeight="1">
      <c r="A59" s="33"/>
      <c r="B59" s="157"/>
      <c r="C59" s="106"/>
      <c r="D59" s="105"/>
      <c r="E59" s="106"/>
      <c r="F59" s="114"/>
      <c r="G59" s="107"/>
      <c r="H59" s="107"/>
      <c r="I59" s="108"/>
      <c r="J59" s="134"/>
      <c r="K59" s="111"/>
      <c r="L59" s="111"/>
      <c r="M59" s="111"/>
      <c r="N59" s="111"/>
      <c r="O59" s="112"/>
      <c r="P59" s="114"/>
      <c r="Q59" s="108"/>
      <c r="R59" s="134"/>
      <c r="S59" s="111"/>
      <c r="T59" s="111"/>
      <c r="U59" s="111"/>
      <c r="V59" s="111"/>
      <c r="W59" s="112"/>
      <c r="X59" s="1"/>
    </row>
    <row r="60" spans="1:24" ht="12" customHeight="1">
      <c r="A60" s="33"/>
      <c r="B60" s="157"/>
      <c r="C60" s="106"/>
      <c r="D60" s="105"/>
      <c r="E60" s="106"/>
      <c r="F60" s="113" t="s">
        <v>32</v>
      </c>
      <c r="G60" s="103"/>
      <c r="H60" s="103"/>
      <c r="I60" s="104"/>
      <c r="J60" s="131" t="s">
        <v>37</v>
      </c>
      <c r="K60" s="131"/>
      <c r="L60" s="131"/>
      <c r="M60" s="131"/>
      <c r="N60" s="131"/>
      <c r="O60" s="14" t="s">
        <v>17</v>
      </c>
      <c r="P60" s="132" t="s">
        <v>37</v>
      </c>
      <c r="Q60" s="132"/>
      <c r="R60" s="132"/>
      <c r="S60" s="132"/>
      <c r="T60" s="132"/>
      <c r="U60" s="28"/>
      <c r="V60" s="28"/>
      <c r="W60" s="41"/>
      <c r="X60" s="1"/>
    </row>
    <row r="61" spans="1:24" ht="12" customHeight="1">
      <c r="A61" s="33"/>
      <c r="B61" s="114"/>
      <c r="C61" s="108"/>
      <c r="D61" s="107"/>
      <c r="E61" s="108"/>
      <c r="F61" s="114"/>
      <c r="G61" s="107"/>
      <c r="H61" s="107"/>
      <c r="I61" s="108"/>
      <c r="J61" s="15"/>
      <c r="K61" s="15"/>
      <c r="L61" s="15"/>
      <c r="M61" s="15"/>
      <c r="N61" s="15"/>
      <c r="O61" s="15"/>
      <c r="P61" s="21"/>
      <c r="Q61" s="21" t="s">
        <v>10</v>
      </c>
      <c r="R61" s="67" t="str">
        <f>IF(ISERROR(DATEDIF(J60,P60+1,"Y")),"",DATEDIF(J60,P60+1,"Y"))</f>
        <v/>
      </c>
      <c r="S61" s="67" t="s">
        <v>8</v>
      </c>
      <c r="T61" s="67" t="str">
        <f>IF(ISERROR(DATEDIF(J60,P60+1,"YM")),"",DATEDIF(J60,P60+1,"YM"))</f>
        <v/>
      </c>
      <c r="U61" s="67" t="s">
        <v>14</v>
      </c>
      <c r="V61" s="67" t="s">
        <v>105</v>
      </c>
      <c r="W61" s="42" t="s">
        <v>12</v>
      </c>
      <c r="X61" s="1"/>
    </row>
    <row r="62" spans="1:24" ht="7.5" customHeight="1">
      <c r="A62" s="33"/>
      <c r="B62" s="72"/>
      <c r="C62" s="72"/>
      <c r="D62" s="90"/>
      <c r="E62" s="90"/>
      <c r="F62" s="90"/>
      <c r="G62" s="90"/>
      <c r="H62" s="90"/>
      <c r="I62" s="90"/>
      <c r="J62" s="72"/>
      <c r="K62" s="72"/>
      <c r="L62" s="72"/>
      <c r="M62" s="72"/>
      <c r="N62" s="72"/>
      <c r="O62" s="72"/>
      <c r="P62" s="73"/>
      <c r="Q62" s="73"/>
      <c r="R62" s="68"/>
      <c r="S62" s="68"/>
      <c r="T62" s="68"/>
      <c r="U62" s="68"/>
      <c r="V62" s="68"/>
      <c r="W62" s="73"/>
      <c r="X62" s="1"/>
    </row>
    <row r="63" spans="1:24" ht="16.95" customHeight="1">
      <c r="A63" s="33"/>
      <c r="B63" s="40" t="s">
        <v>64</v>
      </c>
      <c r="C63" s="35"/>
      <c r="D63" s="35"/>
      <c r="E63" s="91"/>
      <c r="F63" s="36"/>
      <c r="G63" s="36"/>
      <c r="H63" s="36"/>
      <c r="I63" s="36"/>
      <c r="J63" s="36"/>
      <c r="K63" s="36"/>
      <c r="L63" s="36"/>
      <c r="M63" s="36"/>
      <c r="N63" s="36"/>
      <c r="O63" s="36"/>
      <c r="P63" s="36"/>
      <c r="Q63" s="36"/>
      <c r="R63" s="36"/>
      <c r="S63" s="36"/>
      <c r="T63" s="36"/>
      <c r="U63" s="36"/>
      <c r="V63" s="36"/>
      <c r="W63" s="36"/>
      <c r="X63" s="1"/>
    </row>
    <row r="64" spans="1:24" ht="16.2" customHeight="1">
      <c r="A64" s="33"/>
      <c r="B64" s="234" t="s">
        <v>65</v>
      </c>
      <c r="C64" s="235"/>
      <c r="D64" s="235"/>
      <c r="E64" s="235"/>
      <c r="F64" s="235"/>
      <c r="G64" s="235"/>
      <c r="H64" s="235"/>
      <c r="I64" s="235"/>
      <c r="J64" s="236"/>
      <c r="K64" s="234" t="s">
        <v>67</v>
      </c>
      <c r="L64" s="235"/>
      <c r="M64" s="235"/>
      <c r="N64" s="235"/>
      <c r="O64" s="236"/>
      <c r="P64" s="234" t="s">
        <v>68</v>
      </c>
      <c r="Q64" s="235"/>
      <c r="R64" s="235"/>
      <c r="S64" s="235"/>
      <c r="T64" s="235"/>
      <c r="U64" s="236"/>
      <c r="V64" s="234" t="s">
        <v>69</v>
      </c>
      <c r="W64" s="236"/>
      <c r="X64" s="1"/>
    </row>
    <row r="65" spans="1:28" ht="16.2" customHeight="1">
      <c r="A65" s="33"/>
      <c r="B65" s="240" t="s">
        <v>66</v>
      </c>
      <c r="C65" s="241"/>
      <c r="D65" s="241"/>
      <c r="E65" s="241"/>
      <c r="F65" s="92" t="s">
        <v>17</v>
      </c>
      <c r="G65" s="241" t="s">
        <v>66</v>
      </c>
      <c r="H65" s="241"/>
      <c r="I65" s="241"/>
      <c r="J65" s="242"/>
      <c r="K65" s="67" t="str">
        <f>IF(ISERROR(DATEDIF(B65,G65+1,"Y")),"",DATEDIF(B65,G65+1,"Y"))</f>
        <v/>
      </c>
      <c r="L65" s="74" t="s">
        <v>8</v>
      </c>
      <c r="M65" s="67" t="str">
        <f>IF(ISERROR(DATEDIF(B65,G65+1,"YM")),"",DATEDIF(B65,G65+1,"YM"))</f>
        <v/>
      </c>
      <c r="N65" s="75" t="s">
        <v>14</v>
      </c>
      <c r="O65" s="76" t="s">
        <v>105</v>
      </c>
      <c r="P65" s="237"/>
      <c r="Q65" s="238"/>
      <c r="R65" s="238"/>
      <c r="S65" s="238"/>
      <c r="T65" s="238"/>
      <c r="U65" s="239"/>
      <c r="V65" s="230"/>
      <c r="W65" s="231"/>
      <c r="X65" s="1"/>
      <c r="Y65" s="28"/>
      <c r="Z65" s="28"/>
      <c r="AA65" s="28"/>
      <c r="AB65" s="28"/>
    </row>
    <row r="66" spans="1:28" ht="16.2" customHeight="1">
      <c r="A66" s="33"/>
      <c r="B66" s="240" t="s">
        <v>66</v>
      </c>
      <c r="C66" s="241"/>
      <c r="D66" s="241"/>
      <c r="E66" s="241"/>
      <c r="F66" s="92" t="s">
        <v>17</v>
      </c>
      <c r="G66" s="241" t="s">
        <v>66</v>
      </c>
      <c r="H66" s="241"/>
      <c r="I66" s="241"/>
      <c r="J66" s="242"/>
      <c r="K66" s="67" t="str">
        <f>IF(ISERROR(DATEDIF(B66,G66+1,"Y")),"",DATEDIF(B66,G66+1,"Y"))</f>
        <v/>
      </c>
      <c r="L66" s="74" t="s">
        <v>8</v>
      </c>
      <c r="M66" s="67" t="str">
        <f>IF(ISERROR(DATEDIF(B66,G66+1,"YM")),"",DATEDIF(B66,G66+1,"YM"))</f>
        <v/>
      </c>
      <c r="N66" s="75" t="s">
        <v>14</v>
      </c>
      <c r="O66" s="76" t="s">
        <v>105</v>
      </c>
      <c r="P66" s="237"/>
      <c r="Q66" s="238"/>
      <c r="R66" s="238"/>
      <c r="S66" s="238"/>
      <c r="T66" s="238"/>
      <c r="U66" s="239"/>
      <c r="V66" s="230"/>
      <c r="W66" s="231"/>
      <c r="X66" s="1"/>
      <c r="Y66" s="28"/>
      <c r="Z66" s="28"/>
      <c r="AA66" s="28"/>
      <c r="AB66" s="28"/>
    </row>
    <row r="67" spans="1:28" ht="16.2" customHeight="1">
      <c r="A67" s="33"/>
      <c r="B67" s="240" t="s">
        <v>66</v>
      </c>
      <c r="C67" s="241"/>
      <c r="D67" s="241"/>
      <c r="E67" s="241"/>
      <c r="F67" s="92" t="s">
        <v>17</v>
      </c>
      <c r="G67" s="241" t="s">
        <v>66</v>
      </c>
      <c r="H67" s="241"/>
      <c r="I67" s="241"/>
      <c r="J67" s="242"/>
      <c r="K67" s="67" t="str">
        <f>IF(ISERROR(DATEDIF(B67,G67+1,"Y")),"",DATEDIF(B67,G67+1,"Y"))</f>
        <v/>
      </c>
      <c r="L67" s="74" t="s">
        <v>8</v>
      </c>
      <c r="M67" s="67" t="str">
        <f>IF(ISERROR(DATEDIF(B67,G67+1,"YM")),"",DATEDIF(B67,G67+1,"YM"))</f>
        <v/>
      </c>
      <c r="N67" s="75" t="s">
        <v>14</v>
      </c>
      <c r="O67" s="76" t="s">
        <v>105</v>
      </c>
      <c r="P67" s="237"/>
      <c r="Q67" s="238"/>
      <c r="R67" s="238"/>
      <c r="S67" s="238"/>
      <c r="T67" s="238"/>
      <c r="U67" s="239"/>
      <c r="V67" s="230"/>
      <c r="W67" s="231"/>
      <c r="X67" s="1"/>
      <c r="Y67" s="28"/>
      <c r="Z67" s="28"/>
      <c r="AA67" s="28"/>
      <c r="AB67" s="28"/>
    </row>
    <row r="68" spans="1:28" ht="16.2" customHeight="1">
      <c r="A68" s="33"/>
      <c r="B68" s="240" t="s">
        <v>66</v>
      </c>
      <c r="C68" s="241"/>
      <c r="D68" s="241"/>
      <c r="E68" s="241"/>
      <c r="F68" s="92" t="s">
        <v>17</v>
      </c>
      <c r="G68" s="241" t="s">
        <v>66</v>
      </c>
      <c r="H68" s="241"/>
      <c r="I68" s="241"/>
      <c r="J68" s="242"/>
      <c r="K68" s="67" t="str">
        <f>IF(ISERROR(DATEDIF(B68,G68+1,"Y")),"",DATEDIF(B68,G68+1,"Y"))</f>
        <v/>
      </c>
      <c r="L68" s="74" t="s">
        <v>8</v>
      </c>
      <c r="M68" s="67" t="str">
        <f>IF(ISERROR(DATEDIF(B68,G68+1,"YM")),"",DATEDIF(B68,G68+1,"YM"))</f>
        <v/>
      </c>
      <c r="N68" s="75" t="s">
        <v>14</v>
      </c>
      <c r="O68" s="76" t="s">
        <v>105</v>
      </c>
      <c r="P68" s="237"/>
      <c r="Q68" s="238"/>
      <c r="R68" s="238"/>
      <c r="S68" s="238"/>
      <c r="T68" s="238"/>
      <c r="U68" s="239"/>
      <c r="V68" s="230"/>
      <c r="W68" s="231"/>
      <c r="X68" s="1"/>
      <c r="Y68" s="28"/>
      <c r="Z68" s="28"/>
      <c r="AA68" s="28"/>
      <c r="AB68" s="28"/>
    </row>
    <row r="69" spans="1:28" ht="16.2" customHeight="1">
      <c r="A69" s="33"/>
      <c r="B69" s="28"/>
      <c r="C69" s="28"/>
      <c r="D69" s="28"/>
      <c r="E69" s="28"/>
      <c r="F69" s="28"/>
      <c r="G69" s="28"/>
      <c r="H69" s="28"/>
      <c r="I69" s="28"/>
      <c r="J69" s="28"/>
      <c r="K69" s="28"/>
      <c r="L69" s="28"/>
      <c r="M69" s="28"/>
      <c r="N69" s="28"/>
      <c r="O69" s="28"/>
      <c r="P69" s="28"/>
      <c r="Q69" s="28"/>
      <c r="R69" s="28"/>
      <c r="S69" s="28"/>
      <c r="T69" s="28"/>
      <c r="U69" s="28"/>
      <c r="V69" s="28"/>
      <c r="W69" s="28"/>
      <c r="X69" s="1"/>
    </row>
    <row r="70" spans="1:28" ht="17.399999999999999" customHeight="1">
      <c r="A70" s="33"/>
      <c r="B70" s="40" t="s">
        <v>72</v>
      </c>
      <c r="C70" s="35"/>
      <c r="D70" s="35"/>
      <c r="E70" s="91"/>
      <c r="F70" s="232"/>
      <c r="G70" s="232"/>
      <c r="H70" s="232"/>
      <c r="I70" s="232"/>
      <c r="J70" s="232"/>
      <c r="K70" s="232"/>
      <c r="L70" s="232"/>
      <c r="M70" s="232"/>
      <c r="N70" s="232"/>
      <c r="O70" s="232"/>
      <c r="P70" s="232"/>
      <c r="Q70" s="232"/>
      <c r="R70" s="232"/>
      <c r="S70" s="232"/>
      <c r="T70" s="232"/>
      <c r="U70" s="232"/>
      <c r="V70" s="232"/>
      <c r="W70" s="232"/>
      <c r="X70" s="1"/>
    </row>
    <row r="71" spans="1:28" ht="16.2" customHeight="1">
      <c r="A71" s="33"/>
      <c r="B71" s="77"/>
      <c r="C71" s="78"/>
      <c r="D71" s="78"/>
      <c r="E71" s="79"/>
      <c r="F71" s="233"/>
      <c r="G71" s="233"/>
      <c r="H71" s="233"/>
      <c r="I71" s="233"/>
      <c r="J71" s="233"/>
      <c r="K71" s="233"/>
      <c r="L71" s="233"/>
      <c r="M71" s="233"/>
      <c r="N71" s="233"/>
      <c r="O71" s="233"/>
      <c r="P71" s="233"/>
      <c r="Q71" s="233"/>
      <c r="R71" s="233"/>
      <c r="S71" s="233"/>
      <c r="T71" s="233"/>
      <c r="U71" s="233"/>
      <c r="V71" s="233"/>
      <c r="W71" s="233"/>
      <c r="X71" s="1"/>
    </row>
    <row r="72" spans="1:28" ht="16.2" customHeight="1">
      <c r="A72" s="33"/>
      <c r="B72" s="77"/>
      <c r="C72" s="78"/>
      <c r="D72" s="78"/>
      <c r="E72" s="79"/>
      <c r="F72" s="80"/>
      <c r="G72" s="80"/>
      <c r="H72" s="80"/>
      <c r="I72" s="80"/>
      <c r="J72" s="80"/>
      <c r="K72" s="80"/>
      <c r="L72" s="80"/>
      <c r="M72" s="80"/>
      <c r="N72" s="80"/>
      <c r="O72" s="80"/>
      <c r="P72" s="80"/>
      <c r="Q72" s="80"/>
      <c r="R72" s="80"/>
      <c r="S72" s="80"/>
      <c r="T72" s="80"/>
      <c r="U72" s="80"/>
      <c r="V72" s="80"/>
      <c r="W72" s="80"/>
      <c r="X72" s="1"/>
    </row>
    <row r="73" spans="1:28" ht="7.2" customHeight="1">
      <c r="A73" s="33"/>
      <c r="B73" s="28"/>
      <c r="C73" s="28"/>
      <c r="D73" s="28"/>
      <c r="E73" s="28"/>
      <c r="F73" s="28"/>
      <c r="G73" s="28"/>
      <c r="H73" s="28"/>
      <c r="I73" s="28"/>
      <c r="J73" s="28"/>
      <c r="K73" s="28"/>
      <c r="L73" s="28"/>
      <c r="M73" s="28"/>
      <c r="N73" s="28"/>
      <c r="O73" s="28"/>
      <c r="P73" s="28"/>
      <c r="Q73" s="28"/>
      <c r="R73" s="28"/>
      <c r="S73" s="28"/>
      <c r="T73" s="28"/>
      <c r="U73" s="28"/>
      <c r="V73" s="28"/>
      <c r="W73" s="28"/>
      <c r="X73" s="1"/>
    </row>
    <row r="74" spans="1:28" ht="7.2" customHeight="1">
      <c r="A74" s="33"/>
      <c r="B74" s="28"/>
      <c r="C74" s="28"/>
      <c r="D74" s="28"/>
      <c r="E74" s="28"/>
      <c r="F74" s="28"/>
      <c r="G74" s="28"/>
      <c r="H74" s="28"/>
      <c r="I74" s="28"/>
      <c r="J74" s="28"/>
      <c r="K74" s="28"/>
      <c r="L74" s="28"/>
      <c r="M74" s="28"/>
      <c r="N74" s="28"/>
      <c r="O74" s="28"/>
      <c r="P74" s="28"/>
      <c r="Q74" s="28"/>
      <c r="R74" s="28"/>
      <c r="S74" s="28"/>
      <c r="T74" s="28"/>
      <c r="U74" s="28"/>
      <c r="V74" s="28"/>
      <c r="W74" s="28"/>
      <c r="X74" s="1"/>
    </row>
    <row r="75" spans="1:28" ht="7.2" customHeight="1">
      <c r="A75" s="33"/>
      <c r="B75" s="28"/>
      <c r="C75" s="28"/>
      <c r="D75" s="28"/>
      <c r="E75" s="28"/>
      <c r="F75" s="28"/>
      <c r="G75" s="28"/>
      <c r="H75" s="28"/>
      <c r="I75" s="28"/>
      <c r="J75" s="28"/>
      <c r="K75" s="28"/>
      <c r="L75" s="28"/>
      <c r="M75" s="28"/>
      <c r="N75" s="28"/>
      <c r="O75" s="28"/>
      <c r="P75" s="28"/>
      <c r="Q75" s="28"/>
      <c r="R75" s="28"/>
      <c r="S75" s="28"/>
      <c r="T75" s="28"/>
      <c r="U75" s="28"/>
      <c r="V75" s="28"/>
      <c r="W75" s="28"/>
      <c r="X75" s="1"/>
    </row>
    <row r="76" spans="1:28" ht="7.2" customHeight="1">
      <c r="A76" s="33"/>
      <c r="B76" s="28"/>
      <c r="C76" s="28"/>
      <c r="D76" s="28"/>
      <c r="E76" s="28"/>
      <c r="F76" s="28"/>
      <c r="G76" s="28"/>
      <c r="H76" s="28"/>
      <c r="I76" s="28"/>
      <c r="J76" s="28"/>
      <c r="K76" s="28"/>
      <c r="L76" s="28"/>
      <c r="M76" s="28"/>
      <c r="N76" s="28"/>
      <c r="O76" s="28"/>
      <c r="P76" s="28"/>
      <c r="Q76" s="28"/>
      <c r="R76" s="28"/>
      <c r="S76" s="28"/>
      <c r="T76" s="28"/>
      <c r="U76" s="28"/>
      <c r="V76" s="28"/>
      <c r="W76" s="28"/>
      <c r="X76" s="1"/>
    </row>
    <row r="77" spans="1:28" ht="7.2" customHeight="1" thickBot="1">
      <c r="A77" s="37"/>
      <c r="B77" s="81"/>
      <c r="C77" s="81"/>
      <c r="D77" s="81"/>
      <c r="E77" s="81"/>
      <c r="F77" s="81"/>
      <c r="G77" s="81"/>
      <c r="H77" s="81"/>
      <c r="I77" s="81"/>
      <c r="J77" s="81"/>
      <c r="K77" s="81"/>
      <c r="L77" s="81"/>
      <c r="M77" s="81"/>
      <c r="N77" s="81"/>
      <c r="O77" s="81"/>
      <c r="P77" s="81"/>
      <c r="Q77" s="81"/>
      <c r="R77" s="81"/>
      <c r="S77" s="81"/>
      <c r="T77" s="81"/>
      <c r="U77" s="81"/>
      <c r="V77" s="81"/>
      <c r="W77" s="81"/>
      <c r="X77" s="38"/>
    </row>
    <row r="78" spans="1:28" ht="7.5" customHeight="1">
      <c r="A78" s="46"/>
      <c r="B78" s="46"/>
    </row>
    <row r="79" spans="1:28" ht="7.5" customHeight="1">
      <c r="A79" s="28"/>
      <c r="B79" s="28"/>
    </row>
    <row r="80" spans="1:28" ht="7.5" customHeight="1">
      <c r="A80" s="28"/>
      <c r="B80" s="28"/>
    </row>
    <row r="81" spans="1:28" ht="7.5" customHeight="1">
      <c r="A81" s="28"/>
      <c r="B81" s="28"/>
    </row>
    <row r="82" spans="1:28" ht="12" customHeight="1">
      <c r="A82" s="28"/>
      <c r="B82" s="28"/>
    </row>
    <row r="83" spans="1:28" ht="12" customHeight="1">
      <c r="A83" s="28"/>
      <c r="B83" s="28"/>
    </row>
    <row r="84" spans="1:28" ht="7.5" customHeight="1">
      <c r="A84" s="28"/>
      <c r="B84" s="28"/>
    </row>
    <row r="85" spans="1:28" ht="7.5" customHeight="1">
      <c r="A85" s="28"/>
      <c r="B85" s="28"/>
    </row>
    <row r="86" spans="1:28" ht="7.5" customHeight="1">
      <c r="A86" s="28"/>
      <c r="B86" s="28"/>
    </row>
    <row r="87" spans="1:28" ht="7.5" customHeight="1">
      <c r="A87" s="28"/>
      <c r="B87" s="28"/>
    </row>
    <row r="88" spans="1:28" ht="7.5" customHeight="1">
      <c r="A88" s="28"/>
      <c r="B88" s="28"/>
    </row>
    <row r="89" spans="1:28" ht="7.5" customHeight="1">
      <c r="A89" s="28"/>
      <c r="B89" s="28"/>
    </row>
    <row r="90" spans="1:28" ht="12" customHeight="1">
      <c r="A90" s="28"/>
      <c r="B90" s="28"/>
    </row>
    <row r="91" spans="1:28" ht="12" customHeight="1">
      <c r="A91" s="28"/>
      <c r="B91" s="28"/>
    </row>
    <row r="92" spans="1:28" ht="7.95" customHeight="1">
      <c r="A92" s="28"/>
      <c r="B92" s="28"/>
    </row>
    <row r="93" spans="1:28" ht="16.95" customHeight="1">
      <c r="A93" s="28"/>
      <c r="B93" s="28"/>
    </row>
    <row r="94" spans="1:28" ht="16.5" customHeight="1">
      <c r="A94" s="28"/>
      <c r="B94" s="28"/>
    </row>
    <row r="95" spans="1:28" s="28" customFormat="1" ht="16.5" customHeight="1">
      <c r="B95"/>
      <c r="C95"/>
      <c r="D95"/>
      <c r="E95"/>
      <c r="F95"/>
      <c r="G95"/>
      <c r="H95"/>
      <c r="I95"/>
      <c r="J95"/>
      <c r="K95"/>
      <c r="L95"/>
      <c r="M95"/>
      <c r="N95"/>
      <c r="O95"/>
      <c r="P95"/>
      <c r="Q95"/>
      <c r="R95"/>
      <c r="S95"/>
      <c r="T95"/>
      <c r="U95"/>
      <c r="V95"/>
      <c r="W95"/>
      <c r="X95"/>
      <c r="Y95"/>
      <c r="Z95"/>
      <c r="AA95"/>
      <c r="AB95"/>
    </row>
    <row r="96" spans="1:28" s="28" customFormat="1" ht="16.5" customHeight="1">
      <c r="B96"/>
      <c r="C96"/>
      <c r="D96"/>
      <c r="E96"/>
      <c r="F96"/>
      <c r="G96"/>
      <c r="H96"/>
      <c r="I96"/>
      <c r="J96"/>
      <c r="K96"/>
      <c r="L96"/>
      <c r="M96"/>
      <c r="N96"/>
      <c r="O96"/>
      <c r="P96"/>
      <c r="Q96"/>
      <c r="R96"/>
      <c r="S96"/>
      <c r="T96"/>
      <c r="U96"/>
      <c r="V96"/>
      <c r="W96"/>
      <c r="X96"/>
      <c r="Y96"/>
      <c r="Z96"/>
      <c r="AA96"/>
      <c r="AB96"/>
    </row>
    <row r="97" spans="1:28" s="28" customFormat="1" ht="16.5" customHeight="1">
      <c r="B97"/>
      <c r="C97"/>
      <c r="D97"/>
      <c r="E97"/>
      <c r="F97"/>
      <c r="G97"/>
      <c r="H97"/>
      <c r="I97"/>
      <c r="J97"/>
      <c r="K97"/>
      <c r="L97"/>
      <c r="M97"/>
      <c r="N97"/>
      <c r="O97"/>
      <c r="P97"/>
      <c r="Q97"/>
      <c r="R97"/>
      <c r="S97"/>
      <c r="T97"/>
      <c r="U97"/>
      <c r="V97"/>
      <c r="W97"/>
      <c r="X97"/>
      <c r="Y97"/>
      <c r="Z97"/>
      <c r="AA97"/>
      <c r="AB97"/>
    </row>
    <row r="98" spans="1:28" s="28" customFormat="1" ht="16.5" customHeight="1">
      <c r="B98"/>
      <c r="C98"/>
      <c r="D98"/>
      <c r="E98"/>
      <c r="F98"/>
      <c r="G98"/>
      <c r="H98"/>
      <c r="I98"/>
      <c r="J98"/>
      <c r="K98"/>
      <c r="L98"/>
      <c r="M98"/>
      <c r="N98"/>
      <c r="O98"/>
      <c r="P98"/>
      <c r="Q98"/>
      <c r="R98"/>
      <c r="S98"/>
      <c r="T98"/>
      <c r="U98"/>
      <c r="V98"/>
      <c r="W98"/>
      <c r="X98"/>
      <c r="Y98"/>
      <c r="Z98"/>
      <c r="AA98"/>
      <c r="AB98"/>
    </row>
    <row r="99" spans="1:28" ht="16.5" customHeight="1">
      <c r="A99" s="28"/>
    </row>
    <row r="100" spans="1:28" ht="16.95" customHeight="1">
      <c r="A100" s="28"/>
    </row>
    <row r="101" spans="1:28" ht="16.5" customHeight="1">
      <c r="A101" s="28"/>
    </row>
    <row r="102" spans="1:28" ht="16.5" customHeight="1">
      <c r="A102" s="28"/>
    </row>
    <row r="103" spans="1:28" ht="7.5" customHeight="1">
      <c r="A103" s="28"/>
    </row>
    <row r="104" spans="1:28" ht="7.5" customHeight="1">
      <c r="A104" s="28"/>
    </row>
    <row r="105" spans="1:28" ht="7.5" customHeight="1">
      <c r="A105" s="28"/>
    </row>
    <row r="106" spans="1:28" ht="12" customHeight="1">
      <c r="A106" s="28"/>
    </row>
    <row r="107" spans="1:28" ht="12" customHeight="1">
      <c r="A107" s="28"/>
    </row>
    <row r="108" spans="1:28" ht="7.5" customHeight="1"/>
    <row r="109" spans="1:28" ht="7.5" customHeight="1"/>
    <row r="110" spans="1:28" ht="7.5" customHeight="1"/>
    <row r="111" spans="1:28" ht="7.5" customHeight="1"/>
    <row r="112" spans="1:28" ht="7.5" customHeight="1"/>
    <row r="113" ht="7.5" customHeight="1"/>
    <row r="114" ht="12" customHeight="1"/>
    <row r="115" ht="12" customHeight="1"/>
    <row r="119" ht="24.45" customHeight="1"/>
    <row r="126" ht="16.5" customHeight="1"/>
    <row r="129" ht="13.95" customHeight="1"/>
    <row r="131" ht="13.95" customHeight="1"/>
    <row r="133" ht="13.95" customHeight="1"/>
    <row r="135" ht="13.95" customHeight="1"/>
    <row r="137" ht="13.95" customHeight="1"/>
    <row r="139" ht="13.95" customHeight="1"/>
    <row r="141" ht="13.95" customHeight="1"/>
    <row r="143" ht="13.95" customHeight="1"/>
    <row r="145" ht="13.95" customHeight="1"/>
    <row r="147" ht="13.95" customHeight="1"/>
    <row r="149" ht="13.95" customHeight="1"/>
    <row r="151" ht="13.95" customHeight="1"/>
    <row r="153" ht="13.95" customHeight="1"/>
    <row r="155" ht="13.95" customHeight="1"/>
    <row r="157" ht="13.95" customHeight="1"/>
    <row r="159" ht="13.95" customHeight="1"/>
    <row r="161" ht="13.95" customHeight="1"/>
    <row r="163" ht="13.95" customHeight="1"/>
    <row r="165" ht="13.95" customHeight="1"/>
    <row r="167" ht="13.95" customHeight="1"/>
    <row r="169" ht="13.95" customHeight="1"/>
    <row r="171" ht="13.95" customHeight="1"/>
    <row r="173" ht="13.95" customHeight="1"/>
    <row r="175" ht="13.95" customHeight="1"/>
    <row r="177" ht="13.95" customHeight="1"/>
    <row r="179" ht="13.95" customHeight="1"/>
    <row r="181" ht="13.95" customHeight="1"/>
    <row r="183" ht="13.95" customHeight="1"/>
    <row r="185" ht="13.95" customHeight="1"/>
    <row r="187" ht="13.95" customHeight="1"/>
    <row r="189" ht="13.95" customHeight="1"/>
    <row r="191" ht="13.95" customHeight="1"/>
    <row r="193" ht="13.95" customHeight="1"/>
    <row r="195" ht="13.95" customHeight="1"/>
    <row r="197" ht="13.95" customHeight="1"/>
    <row r="199" ht="13.95" customHeight="1"/>
    <row r="201" ht="13.95" customHeight="1"/>
  </sheetData>
  <mergeCells count="113">
    <mergeCell ref="H7:J7"/>
    <mergeCell ref="S7:T7"/>
    <mergeCell ref="F8:W8"/>
    <mergeCell ref="F9:J9"/>
    <mergeCell ref="L9:U9"/>
    <mergeCell ref="V9:W9"/>
    <mergeCell ref="B2:F2"/>
    <mergeCell ref="Q2:W2"/>
    <mergeCell ref="B4:E4"/>
    <mergeCell ref="F4:L4"/>
    <mergeCell ref="M4:P7"/>
    <mergeCell ref="B5:E6"/>
    <mergeCell ref="F5:L6"/>
    <mergeCell ref="R5:V5"/>
    <mergeCell ref="S6:T6"/>
    <mergeCell ref="B7:E7"/>
    <mergeCell ref="S18:W19"/>
    <mergeCell ref="F20:I21"/>
    <mergeCell ref="J20:N20"/>
    <mergeCell ref="P20:T20"/>
    <mergeCell ref="B22:C61"/>
    <mergeCell ref="D22:E29"/>
    <mergeCell ref="F22:I23"/>
    <mergeCell ref="J22:W23"/>
    <mergeCell ref="F24:I25"/>
    <mergeCell ref="J24:W25"/>
    <mergeCell ref="B12:E21"/>
    <mergeCell ref="F12:I13"/>
    <mergeCell ref="J12:W13"/>
    <mergeCell ref="F14:I15"/>
    <mergeCell ref="J14:W15"/>
    <mergeCell ref="F16:I17"/>
    <mergeCell ref="J16:W17"/>
    <mergeCell ref="F18:I19"/>
    <mergeCell ref="J18:N19"/>
    <mergeCell ref="O18:R19"/>
    <mergeCell ref="R34:W35"/>
    <mergeCell ref="F36:I37"/>
    <mergeCell ref="F26:I27"/>
    <mergeCell ref="J26:O27"/>
    <mergeCell ref="P26:Q27"/>
    <mergeCell ref="R26:W27"/>
    <mergeCell ref="F28:I29"/>
    <mergeCell ref="J28:N28"/>
    <mergeCell ref="P28:T28"/>
    <mergeCell ref="D46:E53"/>
    <mergeCell ref="F46:I47"/>
    <mergeCell ref="J46:W47"/>
    <mergeCell ref="F48:I49"/>
    <mergeCell ref="J48:W49"/>
    <mergeCell ref="F50:I51"/>
    <mergeCell ref="J36:N36"/>
    <mergeCell ref="P36:T36"/>
    <mergeCell ref="D38:E45"/>
    <mergeCell ref="F38:I39"/>
    <mergeCell ref="J38:W39"/>
    <mergeCell ref="F40:I41"/>
    <mergeCell ref="J40:W41"/>
    <mergeCell ref="F42:I43"/>
    <mergeCell ref="J42:O43"/>
    <mergeCell ref="P42:Q43"/>
    <mergeCell ref="D30:E37"/>
    <mergeCell ref="F30:I31"/>
    <mergeCell ref="J30:W31"/>
    <mergeCell ref="F32:I33"/>
    <mergeCell ref="J32:W33"/>
    <mergeCell ref="F34:I35"/>
    <mergeCell ref="J34:O35"/>
    <mergeCell ref="P34:Q35"/>
    <mergeCell ref="J50:O51"/>
    <mergeCell ref="P50:Q51"/>
    <mergeCell ref="R50:W51"/>
    <mergeCell ref="F52:I53"/>
    <mergeCell ref="J52:N52"/>
    <mergeCell ref="P52:T52"/>
    <mergeCell ref="R42:W43"/>
    <mergeCell ref="F44:I45"/>
    <mergeCell ref="J44:N44"/>
    <mergeCell ref="P44:T44"/>
    <mergeCell ref="B65:E65"/>
    <mergeCell ref="G65:J65"/>
    <mergeCell ref="P65:U65"/>
    <mergeCell ref="V65:W65"/>
    <mergeCell ref="B66:E66"/>
    <mergeCell ref="G66:J66"/>
    <mergeCell ref="P66:U66"/>
    <mergeCell ref="V66:W66"/>
    <mergeCell ref="J60:N60"/>
    <mergeCell ref="P60:T60"/>
    <mergeCell ref="B64:J64"/>
    <mergeCell ref="K64:O64"/>
    <mergeCell ref="P64:U64"/>
    <mergeCell ref="V64:W64"/>
    <mergeCell ref="D54:E61"/>
    <mergeCell ref="F54:I55"/>
    <mergeCell ref="J54:W55"/>
    <mergeCell ref="F56:I57"/>
    <mergeCell ref="J56:W57"/>
    <mergeCell ref="F58:I59"/>
    <mergeCell ref="J58:O59"/>
    <mergeCell ref="P58:Q59"/>
    <mergeCell ref="R58:W59"/>
    <mergeCell ref="F60:I61"/>
    <mergeCell ref="F70:W70"/>
    <mergeCell ref="F71:W71"/>
    <mergeCell ref="B67:E67"/>
    <mergeCell ref="G67:J67"/>
    <mergeCell ref="P67:U67"/>
    <mergeCell ref="V67:W67"/>
    <mergeCell ref="B68:E68"/>
    <mergeCell ref="G68:J68"/>
    <mergeCell ref="P68:U68"/>
    <mergeCell ref="V68:W68"/>
  </mergeCells>
  <phoneticPr fontId="8"/>
  <dataValidations count="4">
    <dataValidation type="list" allowBlank="1" showInputMessage="1" showErrorMessage="1" sqref="H7:J7">
      <formula1>"男,女"</formula1>
    </dataValidation>
    <dataValidation imeMode="off" allowBlank="1" showInputMessage="1" showErrorMessage="1" sqref="J36:N36 J28:N28 P44:T44 R5 P36:T36 J44:N44 J20:N20 P20:T20 P28:T28 J52:N52 P52:T52 J60:N60 P60:T60 F9"/>
    <dataValidation imeMode="on" allowBlank="1" showInputMessage="1" showErrorMessage="1" sqref="F5:L6"/>
    <dataValidation imeMode="hiragana" allowBlank="1" showInputMessage="1" showErrorMessage="1" sqref="F4:L4"/>
  </dataValidations>
  <pageMargins left="0.7" right="0.7" top="0.75" bottom="0.75" header="0.3" footer="0.3"/>
  <pageSetup paperSize="9" scale="98"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O3"/>
  <sheetViews>
    <sheetView topLeftCell="AZ1" workbookViewId="0">
      <selection activeCell="BK4" sqref="BK4"/>
    </sheetView>
  </sheetViews>
  <sheetFormatPr defaultColWidth="9" defaultRowHeight="12"/>
  <cols>
    <col min="1" max="1" width="3.59765625" style="23" customWidth="1"/>
    <col min="2" max="2" width="20" style="23" bestFit="1" customWidth="1"/>
    <col min="3" max="3" width="16.09765625" style="23" bestFit="1" customWidth="1"/>
    <col min="4" max="4" width="14.09765625" style="23" customWidth="1"/>
    <col min="5" max="5" width="5" style="23" bestFit="1" customWidth="1"/>
    <col min="6" max="8" width="9" style="23"/>
    <col min="9" max="18" width="8.8984375" style="23" customWidth="1"/>
    <col min="19" max="19" width="17.09765625" style="23" customWidth="1"/>
    <col min="20" max="21" width="9" style="23"/>
    <col min="22" max="22" width="10.09765625" style="23" bestFit="1" customWidth="1"/>
    <col min="23" max="25" width="14.09765625" style="23" bestFit="1" customWidth="1"/>
    <col min="26" max="27" width="10.09765625" style="23" bestFit="1" customWidth="1"/>
    <col min="28" max="36" width="9" style="23" customWidth="1"/>
    <col min="37" max="16384" width="9" style="23"/>
  </cols>
  <sheetData>
    <row r="1" spans="1:67" s="22" customFormat="1" ht="15" customHeight="1">
      <c r="A1" s="292" t="s">
        <v>38</v>
      </c>
      <c r="B1" s="292" t="s">
        <v>70</v>
      </c>
      <c r="C1" s="292" t="s">
        <v>47</v>
      </c>
      <c r="D1" s="292" t="s">
        <v>39</v>
      </c>
      <c r="E1" s="292" t="s">
        <v>77</v>
      </c>
      <c r="F1" s="292" t="s">
        <v>40</v>
      </c>
      <c r="G1" s="292" t="s">
        <v>41</v>
      </c>
      <c r="H1" s="292" t="s">
        <v>42</v>
      </c>
      <c r="I1" s="290" t="s">
        <v>81</v>
      </c>
      <c r="J1" s="291"/>
      <c r="K1" s="290" t="s">
        <v>82</v>
      </c>
      <c r="L1" s="291"/>
      <c r="M1" s="290" t="s">
        <v>83</v>
      </c>
      <c r="N1" s="291"/>
      <c r="O1" s="290" t="s">
        <v>84</v>
      </c>
      <c r="P1" s="291"/>
      <c r="Q1" s="290" t="s">
        <v>85</v>
      </c>
      <c r="R1" s="291"/>
      <c r="S1" s="289" t="s">
        <v>43</v>
      </c>
      <c r="T1" s="289"/>
      <c r="U1" s="289"/>
      <c r="V1" s="289"/>
      <c r="W1" s="289"/>
      <c r="X1" s="289"/>
      <c r="Y1" s="289"/>
      <c r="Z1" s="289"/>
      <c r="AA1" s="289"/>
      <c r="AB1" s="286" t="s">
        <v>16</v>
      </c>
      <c r="AC1" s="287"/>
      <c r="AD1" s="287"/>
      <c r="AE1" s="287"/>
      <c r="AF1" s="287"/>
      <c r="AG1" s="287"/>
      <c r="AH1" s="287"/>
      <c r="AI1" s="288"/>
      <c r="AJ1" s="286" t="s">
        <v>20</v>
      </c>
      <c r="AK1" s="287"/>
      <c r="AL1" s="287"/>
      <c r="AM1" s="287"/>
      <c r="AN1" s="287"/>
      <c r="AO1" s="287"/>
      <c r="AP1" s="287"/>
      <c r="AQ1" s="288"/>
      <c r="AR1" s="286" t="s">
        <v>21</v>
      </c>
      <c r="AS1" s="287"/>
      <c r="AT1" s="287"/>
      <c r="AU1" s="287"/>
      <c r="AV1" s="287"/>
      <c r="AW1" s="287"/>
      <c r="AX1" s="287"/>
      <c r="AY1" s="288"/>
      <c r="AZ1" s="286" t="s">
        <v>22</v>
      </c>
      <c r="BA1" s="287"/>
      <c r="BB1" s="287"/>
      <c r="BC1" s="287"/>
      <c r="BD1" s="287"/>
      <c r="BE1" s="287"/>
      <c r="BF1" s="287"/>
      <c r="BG1" s="288"/>
      <c r="BH1" s="286" t="s">
        <v>33</v>
      </c>
      <c r="BI1" s="287"/>
      <c r="BJ1" s="287"/>
      <c r="BK1" s="287"/>
      <c r="BL1" s="287"/>
      <c r="BM1" s="287"/>
      <c r="BN1" s="287"/>
      <c r="BO1" s="288"/>
    </row>
    <row r="2" spans="1:67" ht="15" customHeight="1">
      <c r="A2" s="292"/>
      <c r="B2" s="292"/>
      <c r="C2" s="292"/>
      <c r="D2" s="292"/>
      <c r="E2" s="292"/>
      <c r="F2" s="292"/>
      <c r="G2" s="292"/>
      <c r="H2" s="292"/>
      <c r="I2" s="44" t="s">
        <v>79</v>
      </c>
      <c r="J2" s="44" t="s">
        <v>80</v>
      </c>
      <c r="K2" s="44" t="s">
        <v>79</v>
      </c>
      <c r="L2" s="44" t="s">
        <v>80</v>
      </c>
      <c r="M2" s="44" t="s">
        <v>79</v>
      </c>
      <c r="N2" s="44" t="s">
        <v>80</v>
      </c>
      <c r="O2" s="44" t="s">
        <v>79</v>
      </c>
      <c r="P2" s="44" t="s">
        <v>80</v>
      </c>
      <c r="Q2" s="44" t="s">
        <v>79</v>
      </c>
      <c r="R2" s="44" t="s">
        <v>80</v>
      </c>
      <c r="S2" s="24" t="s">
        <v>44</v>
      </c>
      <c r="T2" s="24" t="s">
        <v>45</v>
      </c>
      <c r="U2" s="24" t="s">
        <v>46</v>
      </c>
      <c r="V2" s="24" t="s">
        <v>48</v>
      </c>
      <c r="W2" s="24" t="s">
        <v>49</v>
      </c>
      <c r="X2" s="24" t="s">
        <v>52</v>
      </c>
      <c r="Y2" s="24" t="s">
        <v>53</v>
      </c>
      <c r="Z2" s="24" t="s">
        <v>50</v>
      </c>
      <c r="AA2" s="24" t="s">
        <v>51</v>
      </c>
      <c r="AB2" s="85" t="s">
        <v>31</v>
      </c>
      <c r="AC2" s="85" t="s">
        <v>45</v>
      </c>
      <c r="AD2" s="85" t="s">
        <v>48</v>
      </c>
      <c r="AE2" s="85" t="s">
        <v>49</v>
      </c>
      <c r="AF2" s="85" t="s">
        <v>52</v>
      </c>
      <c r="AG2" s="85" t="s">
        <v>53</v>
      </c>
      <c r="AH2" s="85" t="s">
        <v>50</v>
      </c>
      <c r="AI2" s="85" t="s">
        <v>51</v>
      </c>
      <c r="AJ2" s="85" t="s">
        <v>31</v>
      </c>
      <c r="AK2" s="85" t="s">
        <v>45</v>
      </c>
      <c r="AL2" s="85" t="s">
        <v>48</v>
      </c>
      <c r="AM2" s="85" t="s">
        <v>49</v>
      </c>
      <c r="AN2" s="85" t="s">
        <v>52</v>
      </c>
      <c r="AO2" s="85" t="s">
        <v>53</v>
      </c>
      <c r="AP2" s="85" t="s">
        <v>50</v>
      </c>
      <c r="AQ2" s="85" t="s">
        <v>51</v>
      </c>
      <c r="AR2" s="85" t="s">
        <v>31</v>
      </c>
      <c r="AS2" s="85" t="s">
        <v>45</v>
      </c>
      <c r="AT2" s="85" t="s">
        <v>48</v>
      </c>
      <c r="AU2" s="85" t="s">
        <v>49</v>
      </c>
      <c r="AV2" s="85" t="s">
        <v>52</v>
      </c>
      <c r="AW2" s="85" t="s">
        <v>53</v>
      </c>
      <c r="AX2" s="85" t="s">
        <v>50</v>
      </c>
      <c r="AY2" s="85" t="s">
        <v>51</v>
      </c>
      <c r="AZ2" s="85" t="s">
        <v>31</v>
      </c>
      <c r="BA2" s="85" t="s">
        <v>45</v>
      </c>
      <c r="BB2" s="85" t="s">
        <v>48</v>
      </c>
      <c r="BC2" s="85" t="s">
        <v>49</v>
      </c>
      <c r="BD2" s="85" t="s">
        <v>52</v>
      </c>
      <c r="BE2" s="85" t="s">
        <v>53</v>
      </c>
      <c r="BF2" s="85" t="s">
        <v>50</v>
      </c>
      <c r="BG2" s="85" t="s">
        <v>51</v>
      </c>
      <c r="BH2" s="85" t="s">
        <v>31</v>
      </c>
      <c r="BI2" s="85" t="s">
        <v>45</v>
      </c>
      <c r="BJ2" s="85" t="s">
        <v>48</v>
      </c>
      <c r="BK2" s="85" t="s">
        <v>49</v>
      </c>
      <c r="BL2" s="85" t="s">
        <v>52</v>
      </c>
      <c r="BM2" s="85" t="s">
        <v>53</v>
      </c>
      <c r="BN2" s="85" t="s">
        <v>50</v>
      </c>
      <c r="BO2" s="85" t="s">
        <v>51</v>
      </c>
    </row>
    <row r="3" spans="1:67" ht="15" customHeight="1">
      <c r="A3" s="25"/>
      <c r="B3" s="25">
        <f>'第２号様式（第2条(1)～(4)）'!O3</f>
        <v>0</v>
      </c>
      <c r="C3" s="25">
        <f>'第２号様式（第2条(1)～(4)）'!F5</f>
        <v>0</v>
      </c>
      <c r="D3" s="25">
        <f>'第２号様式（第2条(1)～(4)）'!F6</f>
        <v>0</v>
      </c>
      <c r="E3" s="43">
        <f>'第２号様式（第2条(1)～(4)）'!H8</f>
        <v>0</v>
      </c>
      <c r="F3" s="26" t="str">
        <f>'第２号様式（第2条(1)～(4)）'!R6</f>
        <v>年　月　日</v>
      </c>
      <c r="G3" s="25" t="str">
        <f>'第２号様式（第2条(1)～(4)）'!S7</f>
        <v/>
      </c>
      <c r="H3" s="25">
        <f>'第２号様式（第2条(1)～(4)）'!F11</f>
        <v>0</v>
      </c>
      <c r="I3" s="26" t="str">
        <f>'第２号様式（第2条(1)～(4)）'!F23</f>
        <v>　　　　年　月　日</v>
      </c>
      <c r="J3" s="25">
        <f>'第２号様式（第2条(1)～(4)）'!K23</f>
        <v>0</v>
      </c>
      <c r="K3" s="26" t="str">
        <f>'第２号様式（第2条(1)～(4)）'!F24</f>
        <v xml:space="preserve">        年　月　日</v>
      </c>
      <c r="L3" s="25">
        <f>'第２号様式（第2条(1)～(4)）'!K24</f>
        <v>0</v>
      </c>
      <c r="M3" s="26" t="str">
        <f>'第２号様式（第2条(1)～(4)）'!F25</f>
        <v xml:space="preserve">        年　月　日</v>
      </c>
      <c r="N3" s="25">
        <f>'第２号様式（第2条(1)～(4)）'!K25</f>
        <v>0</v>
      </c>
      <c r="O3" s="26" t="str">
        <f>'第２号様式（第2条(1)～(4)）'!F26</f>
        <v xml:space="preserve">        年　月　日</v>
      </c>
      <c r="P3" s="25">
        <f>'第２号様式（第2条(1)～(4)）'!K26</f>
        <v>0</v>
      </c>
      <c r="Q3" s="26" t="str">
        <f>'第２号様式（第2条(1)～(4)）'!F27</f>
        <v>　　　　年　月  日</v>
      </c>
      <c r="R3" s="25">
        <f>'第２号様式（第2条(1)～(4)）'!K27</f>
        <v>0</v>
      </c>
      <c r="S3" s="25">
        <f>'第２号様式（第2条(1)～(4)）'!J42</f>
        <v>0</v>
      </c>
      <c r="T3" s="25">
        <f>'第２号様式（第2条(1)～(4)）'!J44</f>
        <v>0</v>
      </c>
      <c r="U3" s="25">
        <f>'第２号様式（第2条(1)～(4)）'!J46</f>
        <v>0</v>
      </c>
      <c r="V3" s="25">
        <f>'第２号様式（第2条(1)～(4)）'!J48</f>
        <v>0</v>
      </c>
      <c r="W3" s="25">
        <f>'第２号様式（第2条(1)～(4)）'!S48</f>
        <v>0</v>
      </c>
      <c r="X3" s="26" t="str">
        <f>'第２号様式（第2条(1)～(4)）'!J50</f>
        <v>年　　月　　日</v>
      </c>
      <c r="Y3" s="26" t="str">
        <f>'第２号様式（第2条(1)～(4)）'!P50</f>
        <v>年　　月　　日</v>
      </c>
      <c r="Z3" s="25" t="str">
        <f>'第２号様式（第2条(1)～(4)）'!R51</f>
        <v/>
      </c>
      <c r="AA3" s="25" t="str">
        <f>'第２号様式（第2条(1)～(4)）'!T51</f>
        <v/>
      </c>
      <c r="AB3" s="25">
        <f>'第２号様式（第2条(1)～(4)）'!J52</f>
        <v>0</v>
      </c>
      <c r="AC3" s="25">
        <f>'第２号様式（第2条(1)～(4)）'!S54</f>
        <v>0</v>
      </c>
      <c r="AD3" s="25">
        <f>'第２号様式（第2条(1)～(4)）'!J56</f>
        <v>0</v>
      </c>
      <c r="AE3" s="25">
        <f>'第２号様式（第2条(1)～(4)）'!R56</f>
        <v>0</v>
      </c>
      <c r="AF3" s="26" t="str">
        <f>'第２号様式（第2条(1)～(4)）'!J58</f>
        <v>年　　月　　日</v>
      </c>
      <c r="AG3" s="26" t="str">
        <f>'第２号様式（第2条(1)～(4)）'!P58</f>
        <v>年　　月　　日</v>
      </c>
      <c r="AH3" s="25" t="str">
        <f>'第２号様式（第2条(1)～(4)）'!R59</f>
        <v/>
      </c>
      <c r="AI3" s="25" t="str">
        <f>'第２号様式（第2条(1)～(4)）'!T59</f>
        <v/>
      </c>
      <c r="AJ3" s="25">
        <f>'第２号様式（第2条(1)～(4)）'!J60</f>
        <v>0</v>
      </c>
      <c r="AK3" s="25">
        <f>'第２号様式（第2条(1)～(4)）'!J62</f>
        <v>0</v>
      </c>
      <c r="AL3" s="25">
        <f>'第２号様式（第2条(1)～(4)）'!J64</f>
        <v>0</v>
      </c>
      <c r="AM3" s="25">
        <f>'第２号様式（第2条(1)～(4)）'!R64</f>
        <v>0</v>
      </c>
      <c r="AN3" s="26" t="str">
        <f>'第２号様式（第2条(1)～(4)）'!J66</f>
        <v>年　　月　　日</v>
      </c>
      <c r="AO3" s="26" t="str">
        <f>'第２号様式（第2条(1)～(4)）'!P66</f>
        <v>年　　月　　日</v>
      </c>
      <c r="AP3" s="25" t="str">
        <f>'第２号様式（第2条(1)～(4)）'!R67</f>
        <v/>
      </c>
      <c r="AQ3" s="25" t="str">
        <f>'第２号様式（第2条(1)～(4)）'!T67</f>
        <v/>
      </c>
      <c r="AR3" s="25">
        <f>'第２号様式（第2条(1)～(4)）'!J68</f>
        <v>0</v>
      </c>
      <c r="AS3" s="25">
        <f>'第２号様式（第2条(1)～(4)）'!J70</f>
        <v>0</v>
      </c>
      <c r="AT3" s="25">
        <f>'第２号様式（第2条(1)～(4)）'!J72</f>
        <v>0</v>
      </c>
      <c r="AU3" s="25">
        <f>'第２号様式（第2条(1)～(4)）'!R72</f>
        <v>0</v>
      </c>
      <c r="AV3" s="26" t="str">
        <f>'第２号様式（第2条(1)～(4)）'!J74</f>
        <v>年　　月　　日</v>
      </c>
      <c r="AW3" s="26" t="str">
        <f>'第２号様式（第2条(1)～(4)）'!P74</f>
        <v>年　　月　　日</v>
      </c>
      <c r="AX3" s="25" t="str">
        <f>'第２号様式（第2条(1)～(4)）'!R75</f>
        <v/>
      </c>
      <c r="AY3" s="25" t="str">
        <f>'第２号様式（第2条(1)～(4)）'!T75</f>
        <v/>
      </c>
      <c r="AZ3" s="25">
        <f>'第２号様式（第2条(1)～(4)）'!J76</f>
        <v>0</v>
      </c>
      <c r="BA3" s="25">
        <f>'第２号様式（第2条(1)～(4)）'!J78</f>
        <v>0</v>
      </c>
      <c r="BB3" s="25">
        <f>'第２号様式（第2条(1)～(4)）'!J80</f>
        <v>0</v>
      </c>
      <c r="BC3" s="25">
        <f>'第２号様式（第2条(1)～(4)）'!R80</f>
        <v>0</v>
      </c>
      <c r="BD3" s="26" t="str">
        <f>'第２号様式（第2条(1)～(4)）'!J82</f>
        <v>年　　月　　日</v>
      </c>
      <c r="BE3" s="26" t="str">
        <f>'第２号様式（第2条(1)～(4)）'!P82</f>
        <v>年　　月　　日</v>
      </c>
      <c r="BF3" s="25" t="str">
        <f>'第２号様式（第2条(1)～(4)）'!R83</f>
        <v/>
      </c>
      <c r="BG3" s="25" t="str">
        <f>'第２号様式（第2条(1)～(4)）'!T83</f>
        <v/>
      </c>
      <c r="BH3" s="25">
        <f>'第２号様式（第2条(1)～(4)）'!J84</f>
        <v>0</v>
      </c>
      <c r="BI3" s="25">
        <f>'第２号様式（第2条(1)～(4)）'!J86</f>
        <v>0</v>
      </c>
      <c r="BJ3" s="25">
        <f>'第２号様式（第2条(1)～(4)）'!J88</f>
        <v>0</v>
      </c>
      <c r="BK3" s="25">
        <f>'第２号様式（第2条(1)～(4)）'!R88</f>
        <v>0</v>
      </c>
      <c r="BL3" s="26" t="str">
        <f>'第２号様式（第2条(1)～(4)）'!J90</f>
        <v>年　　月　　日</v>
      </c>
      <c r="BM3" s="26" t="str">
        <f>'第２号様式（第2条(1)～(4)）'!P90</f>
        <v>年　　月　　日</v>
      </c>
      <c r="BN3" s="25" t="str">
        <f>'第２号様式（第2条(1)～(4)）'!R91</f>
        <v/>
      </c>
      <c r="BO3" s="25" t="str">
        <f>'第２号様式（第2条(1)～(4)）'!T91</f>
        <v/>
      </c>
    </row>
  </sheetData>
  <mergeCells count="19">
    <mergeCell ref="S1:AA1"/>
    <mergeCell ref="Q1:R1"/>
    <mergeCell ref="A1:A2"/>
    <mergeCell ref="C1:C2"/>
    <mergeCell ref="D1:D2"/>
    <mergeCell ref="F1:F2"/>
    <mergeCell ref="G1:G2"/>
    <mergeCell ref="B1:B2"/>
    <mergeCell ref="E1:E2"/>
    <mergeCell ref="H1:H2"/>
    <mergeCell ref="I1:J1"/>
    <mergeCell ref="K1:L1"/>
    <mergeCell ref="M1:N1"/>
    <mergeCell ref="O1:P1"/>
    <mergeCell ref="AB1:AI1"/>
    <mergeCell ref="AJ1:AQ1"/>
    <mergeCell ref="AR1:AY1"/>
    <mergeCell ref="AZ1:BG1"/>
    <mergeCell ref="BH1:BO1"/>
  </mergeCells>
  <phoneticPr fontId="8"/>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3</vt:i4>
      </vt:variant>
    </vt:vector>
  </HeadingPairs>
  <TitlesOfParts>
    <vt:vector size="8" baseType="lpstr">
      <vt:lpstr>第２号様式（第2条(1)～(4)）</vt:lpstr>
      <vt:lpstr>不祥事等の確認（提出してください）</vt:lpstr>
      <vt:lpstr>（記入例）</vt:lpstr>
      <vt:lpstr>履歴書（追加様式）</vt:lpstr>
      <vt:lpstr>(data)</vt:lpstr>
      <vt:lpstr>'（記入例）'!Print_Area</vt:lpstr>
      <vt:lpstr>'不祥事等の確認（提出してください）'!Print_Area</vt:lpstr>
      <vt:lpstr>'履歴書（追加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5-01T08:23:31Z</cp:lastPrinted>
  <dcterms:created xsi:type="dcterms:W3CDTF">2017-05-07T07:27:58Z</dcterms:created>
  <dcterms:modified xsi:type="dcterms:W3CDTF">2025-05-07T07:39:28Z</dcterms:modified>
</cp:coreProperties>
</file>